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1 設置認可\H31\県HP公開用\"/>
    </mc:Choice>
  </mc:AlternateContent>
  <bookViews>
    <workbookView xWindow="-2595" yWindow="2220" windowWidth="20610" windowHeight="4845" tabRatio="785"/>
  </bookViews>
  <sheets>
    <sheet name="認可保育所一覧" sheetId="1" r:id="rId1"/>
  </sheets>
  <definedNames>
    <definedName name="_xlnm._FilterDatabase" localSheetId="0" hidden="1">認可保育所一覧!$A$3:$O$461</definedName>
    <definedName name="_xlnm.Print_Area" localSheetId="0">認可保育所一覧!$A$1:$O$461</definedName>
    <definedName name="_xlnm.Print_Titles" localSheetId="0">認可保育所一覧!$A:$I,認可保育所一覧!$1:$3</definedName>
    <definedName name="top" localSheetId="0">認可保育所一覧!$H$427</definedName>
  </definedNames>
  <calcPr calcId="152511"/>
</workbook>
</file>

<file path=xl/calcChain.xml><?xml version="1.0" encoding="utf-8"?>
<calcChain xmlns="http://schemas.openxmlformats.org/spreadsheetml/2006/main">
  <c r="F333" i="1" l="1"/>
  <c r="F92" i="1" l="1"/>
  <c r="F290" i="1" l="1"/>
  <c r="F66" i="1" l="1"/>
  <c r="F289" i="1" l="1"/>
  <c r="F288" i="1"/>
  <c r="F341" i="1" l="1"/>
  <c r="F340" i="1"/>
  <c r="F342" i="1"/>
  <c r="F357" i="1" l="1"/>
  <c r="F199" i="1" l="1"/>
  <c r="F120" i="1" l="1"/>
  <c r="F65" i="1" l="1"/>
  <c r="F91" i="1" l="1"/>
  <c r="F405" i="1" l="1"/>
  <c r="F404" i="1"/>
  <c r="F381" i="1"/>
  <c r="F380" i="1"/>
  <c r="F339" i="1"/>
  <c r="F343" i="1"/>
  <c r="F356" i="1" l="1"/>
  <c r="F287" i="1"/>
  <c r="F286" i="1"/>
  <c r="F285" i="1"/>
  <c r="F250" i="1"/>
  <c r="F249" i="1"/>
  <c r="F248" i="1"/>
  <c r="F378" i="1" l="1"/>
  <c r="F377" i="1" l="1"/>
  <c r="F401" i="1"/>
  <c r="F419" i="1"/>
  <c r="F446" i="1"/>
  <c r="F338" i="1"/>
  <c r="F337" i="1"/>
  <c r="F336" i="1"/>
  <c r="F247" i="1"/>
  <c r="F434" i="1" l="1"/>
  <c r="F331" i="1"/>
  <c r="F330" i="1"/>
  <c r="F329" i="1"/>
  <c r="F283" i="1"/>
  <c r="F226" i="1"/>
  <c r="F392" i="1"/>
  <c r="F440" i="1"/>
  <c r="F403" i="1"/>
  <c r="F400" i="1"/>
  <c r="F422" i="1" l="1"/>
  <c r="F420" i="1"/>
  <c r="F335" i="1"/>
  <c r="F125" i="1"/>
  <c r="F63" i="1"/>
  <c r="F379" i="1"/>
  <c r="F284" i="1"/>
  <c r="F332" i="1"/>
  <c r="F328" i="1"/>
  <c r="F245" i="1"/>
  <c r="F185" i="1"/>
  <c r="F281" i="1"/>
  <c r="F124" i="1"/>
  <c r="F244" i="1" l="1"/>
  <c r="F279" i="1"/>
  <c r="F278" i="1"/>
  <c r="F327" i="1"/>
  <c r="F426" i="1"/>
  <c r="F326" i="1"/>
  <c r="F27" i="1"/>
  <c r="F123" i="1"/>
  <c r="F259" i="1"/>
  <c r="F314" i="1"/>
  <c r="F121" i="1"/>
  <c r="F334" i="1"/>
  <c r="F325" i="1"/>
  <c r="F174" i="1" l="1"/>
  <c r="F173" i="1"/>
  <c r="F172" i="1"/>
  <c r="F277" i="1"/>
  <c r="F282" i="1"/>
  <c r="F323" i="1"/>
  <c r="F322" i="1"/>
  <c r="F225" i="1"/>
  <c r="F316" i="1"/>
  <c r="F118" i="1"/>
  <c r="F117" i="1"/>
  <c r="F363" i="1"/>
  <c r="F275" i="1"/>
  <c r="F376" i="1"/>
  <c r="F320" i="1"/>
  <c r="F64" i="1"/>
  <c r="F62" i="1"/>
  <c r="F119" i="1"/>
  <c r="F430" i="1"/>
  <c r="F276" i="1"/>
  <c r="F319" i="1"/>
  <c r="F318" i="1"/>
  <c r="F324" i="1"/>
  <c r="F246" i="1"/>
  <c r="F273" i="1"/>
  <c r="F116" i="1"/>
  <c r="F60" i="1"/>
  <c r="F114" i="1"/>
  <c r="F313" i="1"/>
  <c r="F115" i="1"/>
  <c r="F167" i="1"/>
  <c r="F308" i="1"/>
  <c r="F307" i="1"/>
  <c r="F203" i="1"/>
  <c r="F113" i="1"/>
  <c r="F112" i="1"/>
  <c r="F375" i="1"/>
  <c r="F374" i="1"/>
  <c r="F311" i="1"/>
  <c r="F310" i="1"/>
  <c r="F309" i="1"/>
  <c r="F243" i="1"/>
  <c r="F205" i="1"/>
  <c r="F204" i="1"/>
  <c r="F46" i="1"/>
  <c r="F461" i="1"/>
  <c r="F460" i="1"/>
  <c r="F459" i="1"/>
  <c r="F458" i="1"/>
  <c r="F457" i="1"/>
  <c r="F456" i="1"/>
  <c r="F455" i="1"/>
  <c r="F454" i="1"/>
  <c r="F453" i="1"/>
  <c r="F452" i="1"/>
  <c r="F451" i="1"/>
  <c r="F450" i="1"/>
  <c r="F449" i="1"/>
  <c r="F448" i="1"/>
  <c r="F447" i="1"/>
  <c r="F445" i="1"/>
  <c r="F444" i="1"/>
  <c r="F443" i="1"/>
  <c r="F442" i="1"/>
  <c r="F441" i="1"/>
  <c r="F439" i="1"/>
  <c r="F438" i="1"/>
  <c r="F437" i="1"/>
  <c r="F436" i="1"/>
  <c r="F435" i="1"/>
  <c r="F433" i="1"/>
  <c r="F432" i="1"/>
  <c r="F431" i="1"/>
  <c r="F429" i="1"/>
  <c r="F428" i="1"/>
  <c r="F427" i="1"/>
  <c r="F424" i="1"/>
  <c r="F423" i="1"/>
  <c r="F418" i="1"/>
  <c r="F417" i="1"/>
  <c r="F416" i="1"/>
  <c r="F415" i="1"/>
  <c r="F414" i="1"/>
  <c r="F413" i="1"/>
  <c r="F412" i="1"/>
  <c r="F411" i="1"/>
  <c r="F410" i="1"/>
  <c r="F409" i="1"/>
  <c r="F408" i="1"/>
  <c r="F407" i="1"/>
  <c r="F406" i="1"/>
  <c r="F399" i="1"/>
  <c r="F398" i="1"/>
  <c r="F397" i="1"/>
  <c r="F396" i="1"/>
  <c r="F395" i="1"/>
  <c r="F394" i="1"/>
  <c r="F393" i="1"/>
  <c r="F391" i="1"/>
  <c r="F390" i="1"/>
  <c r="F389" i="1"/>
  <c r="F388" i="1"/>
  <c r="F387" i="1"/>
  <c r="F386" i="1"/>
  <c r="F385" i="1"/>
  <c r="F384" i="1"/>
  <c r="F383" i="1"/>
  <c r="F382" i="1"/>
  <c r="F373" i="1"/>
  <c r="F372" i="1"/>
  <c r="F371" i="1"/>
  <c r="F370" i="1"/>
  <c r="F369" i="1"/>
  <c r="F368" i="1"/>
  <c r="F367" i="1"/>
  <c r="F366" i="1"/>
  <c r="F365" i="1"/>
  <c r="F364" i="1"/>
  <c r="F362" i="1"/>
  <c r="F361" i="1"/>
  <c r="F360" i="1"/>
  <c r="F359" i="1"/>
  <c r="F358" i="1"/>
  <c r="F354" i="1"/>
  <c r="F353" i="1"/>
  <c r="F352" i="1"/>
  <c r="F351" i="1"/>
  <c r="F350" i="1"/>
  <c r="F349" i="1"/>
  <c r="F348" i="1"/>
  <c r="F347" i="1"/>
  <c r="F355" i="1"/>
  <c r="F346" i="1"/>
  <c r="F345" i="1"/>
  <c r="F344" i="1"/>
  <c r="F306" i="1"/>
  <c r="F305" i="1"/>
  <c r="F304" i="1"/>
  <c r="F303" i="1"/>
  <c r="F302" i="1"/>
  <c r="F301" i="1"/>
  <c r="F300" i="1"/>
  <c r="F299" i="1"/>
  <c r="F298" i="1"/>
  <c r="F297" i="1"/>
  <c r="F296" i="1"/>
  <c r="F295" i="1"/>
  <c r="F312" i="1"/>
  <c r="F294" i="1"/>
  <c r="F293" i="1"/>
  <c r="F292" i="1"/>
  <c r="F291" i="1"/>
  <c r="F274" i="1"/>
  <c r="F272" i="1"/>
  <c r="F270" i="1"/>
  <c r="F269" i="1"/>
  <c r="F268" i="1"/>
  <c r="F267" i="1"/>
  <c r="F266" i="1"/>
  <c r="F265" i="1"/>
  <c r="F264" i="1"/>
  <c r="F263" i="1"/>
  <c r="F262" i="1"/>
  <c r="F261" i="1"/>
  <c r="F260" i="1"/>
  <c r="F258" i="1"/>
  <c r="F257" i="1"/>
  <c r="F256" i="1"/>
  <c r="F255" i="1"/>
  <c r="F254" i="1"/>
  <c r="F242" i="1"/>
  <c r="F241" i="1"/>
  <c r="F239" i="1"/>
  <c r="F238" i="1"/>
  <c r="F237" i="1"/>
  <c r="F236" i="1"/>
  <c r="F235" i="1"/>
  <c r="F234" i="1"/>
  <c r="F233" i="1"/>
  <c r="F232" i="1"/>
  <c r="F231" i="1"/>
  <c r="F230" i="1"/>
  <c r="F229" i="1"/>
  <c r="F228" i="1"/>
  <c r="F227" i="1"/>
  <c r="F224" i="1"/>
  <c r="F223" i="1"/>
  <c r="F222" i="1"/>
  <c r="F221" i="1"/>
  <c r="F220" i="1"/>
  <c r="F202" i="1"/>
  <c r="F201" i="1"/>
  <c r="F200" i="1"/>
  <c r="F198" i="1"/>
  <c r="F197" i="1"/>
  <c r="F196" i="1"/>
  <c r="F195" i="1"/>
  <c r="F194" i="1"/>
  <c r="F193" i="1"/>
  <c r="F192" i="1"/>
  <c r="F191" i="1"/>
  <c r="F190" i="1"/>
  <c r="F189" i="1"/>
  <c r="F188" i="1"/>
  <c r="F187" i="1"/>
  <c r="F186" i="1"/>
  <c r="F184" i="1"/>
  <c r="F183" i="1"/>
  <c r="F182" i="1"/>
  <c r="F181" i="1"/>
  <c r="F180" i="1"/>
  <c r="F179" i="1"/>
  <c r="F178" i="1"/>
  <c r="F177" i="1"/>
  <c r="F176" i="1"/>
  <c r="F175" i="1"/>
  <c r="F171" i="1"/>
  <c r="F170" i="1"/>
  <c r="F169" i="1"/>
  <c r="F168" i="1"/>
  <c r="F166" i="1"/>
  <c r="F165" i="1"/>
  <c r="F164" i="1"/>
  <c r="F163" i="1"/>
  <c r="F162" i="1"/>
  <c r="F161" i="1"/>
  <c r="F160" i="1"/>
  <c r="F159" i="1"/>
  <c r="F158" i="1"/>
  <c r="F157" i="1"/>
  <c r="F156" i="1"/>
  <c r="F155" i="1"/>
  <c r="F154" i="1"/>
  <c r="F153" i="1"/>
  <c r="F152" i="1"/>
  <c r="F151" i="1"/>
  <c r="F150" i="1"/>
  <c r="F149" i="1"/>
  <c r="F148" i="1"/>
  <c r="F147" i="1"/>
  <c r="F146" i="1"/>
  <c r="F145" i="1"/>
  <c r="F144" i="1"/>
  <c r="F143" i="1"/>
  <c r="F111" i="1"/>
  <c r="F110" i="1"/>
  <c r="F109" i="1"/>
  <c r="F108" i="1"/>
  <c r="F107" i="1"/>
  <c r="F106" i="1"/>
  <c r="F105" i="1"/>
  <c r="F104" i="1"/>
  <c r="F102" i="1"/>
  <c r="F101" i="1"/>
  <c r="F100" i="1"/>
  <c r="F99" i="1"/>
  <c r="F98" i="1"/>
  <c r="F97" i="1"/>
  <c r="F96" i="1"/>
  <c r="F95" i="1"/>
  <c r="F94" i="1"/>
  <c r="F93" i="1"/>
  <c r="F90" i="1"/>
  <c r="F89" i="1"/>
  <c r="F88" i="1"/>
  <c r="F86" i="1"/>
  <c r="F85" i="1"/>
  <c r="F84" i="1"/>
  <c r="F83" i="1"/>
  <c r="F82" i="1"/>
  <c r="F81" i="1"/>
  <c r="F80" i="1"/>
  <c r="F79" i="1"/>
  <c r="F78" i="1"/>
  <c r="F77" i="1"/>
  <c r="F76" i="1"/>
  <c r="F75" i="1"/>
  <c r="F74" i="1"/>
  <c r="F73" i="1"/>
  <c r="F72" i="1"/>
  <c r="F71" i="1"/>
  <c r="F70" i="1"/>
  <c r="F69" i="1"/>
  <c r="F68" i="1"/>
  <c r="F67" i="1"/>
  <c r="F61" i="1"/>
  <c r="F59" i="1"/>
  <c r="F58" i="1"/>
  <c r="F57" i="1"/>
  <c r="F56" i="1"/>
  <c r="F55" i="1"/>
  <c r="F54" i="1"/>
  <c r="F52" i="1"/>
  <c r="F51" i="1"/>
  <c r="F50" i="1"/>
  <c r="F49" i="1"/>
  <c r="F48" i="1"/>
  <c r="F47" i="1"/>
  <c r="F45" i="1"/>
  <c r="F44" i="1"/>
  <c r="F43" i="1"/>
  <c r="F42" i="1"/>
  <c r="F41" i="1"/>
  <c r="F40" i="1"/>
  <c r="F35" i="1"/>
  <c r="F34" i="1"/>
  <c r="F33" i="1"/>
  <c r="F32" i="1"/>
  <c r="F30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7" i="1"/>
  <c r="F6" i="1"/>
  <c r="F5" i="1"/>
  <c r="F4" i="1"/>
</calcChain>
</file>

<file path=xl/sharedStrings.xml><?xml version="1.0" encoding="utf-8"?>
<sst xmlns="http://schemas.openxmlformats.org/spreadsheetml/2006/main" count="3986" uniqueCount="2850">
  <si>
    <t>238-0237</t>
  </si>
  <si>
    <t>046-881-2712</t>
  </si>
  <si>
    <t>257-0004</t>
  </si>
  <si>
    <t>257-0015</t>
  </si>
  <si>
    <t>0463-81-8306</t>
  </si>
  <si>
    <t>257-0035</t>
  </si>
  <si>
    <t>0463-81-3175</t>
  </si>
  <si>
    <t>257-0003</t>
  </si>
  <si>
    <t>0463-77-7111</t>
  </si>
  <si>
    <t>0463-78-3939</t>
  </si>
  <si>
    <t>0463-78-7001</t>
  </si>
  <si>
    <t>257-0033</t>
  </si>
  <si>
    <t>0463-82-3405</t>
  </si>
  <si>
    <t>257-0028</t>
  </si>
  <si>
    <t>0463-81-6332</t>
  </si>
  <si>
    <t>259-1307</t>
  </si>
  <si>
    <t>0463-75-2818</t>
  </si>
  <si>
    <t>0463-87-2088</t>
  </si>
  <si>
    <t>0463-88-3702</t>
  </si>
  <si>
    <t>0463-72-7621</t>
  </si>
  <si>
    <t>0463-72-7623</t>
  </si>
  <si>
    <t>243-0213</t>
  </si>
  <si>
    <t>046-225-2259</t>
  </si>
  <si>
    <t>243-0121</t>
  </si>
  <si>
    <t>046-225-2260</t>
  </si>
  <si>
    <t>243-0005</t>
  </si>
  <si>
    <t>046-225-2258</t>
  </si>
  <si>
    <t>243-0036</t>
  </si>
  <si>
    <t>046-225-2261</t>
  </si>
  <si>
    <t>243-0026</t>
  </si>
  <si>
    <t>046-225-2257</t>
  </si>
  <si>
    <t>243-0211</t>
  </si>
  <si>
    <t>046-241-9127</t>
  </si>
  <si>
    <t>243-0035</t>
  </si>
  <si>
    <t>046-247-0139</t>
  </si>
  <si>
    <t>243-0021</t>
  </si>
  <si>
    <t>046-228-6480</t>
  </si>
  <si>
    <t>243-0804</t>
  </si>
  <si>
    <t>046-245-0531</t>
  </si>
  <si>
    <t>243-0204</t>
  </si>
  <si>
    <t>046-241-1306</t>
  </si>
  <si>
    <t>243-0815</t>
  </si>
  <si>
    <t>046-222-2632</t>
  </si>
  <si>
    <t>243-0807</t>
  </si>
  <si>
    <t>046-296-4152</t>
  </si>
  <si>
    <t>243-0004</t>
  </si>
  <si>
    <t>046-294-3003</t>
  </si>
  <si>
    <t>243-0003</t>
  </si>
  <si>
    <t>046-297-7789</t>
  </si>
  <si>
    <t>046-222-2228</t>
  </si>
  <si>
    <t>046-221-4570</t>
  </si>
  <si>
    <t>243-0032</t>
  </si>
  <si>
    <t>046-296-5177</t>
  </si>
  <si>
    <t>046-296-2040</t>
  </si>
  <si>
    <t>046-290-2033</t>
  </si>
  <si>
    <t>046-290-2034</t>
  </si>
  <si>
    <t>242-0024</t>
  </si>
  <si>
    <t>046-267-1243</t>
  </si>
  <si>
    <t>046-264-1919</t>
  </si>
  <si>
    <t>242-0008</t>
  </si>
  <si>
    <t>046-274-4769</t>
  </si>
  <si>
    <t>242-0004</t>
  </si>
  <si>
    <t>046-261-3603</t>
  </si>
  <si>
    <t>242-0013</t>
  </si>
  <si>
    <t>046-267-0995</t>
  </si>
  <si>
    <t>242-0005</t>
  </si>
  <si>
    <t>046-276-1050</t>
  </si>
  <si>
    <t>242-0014</t>
  </si>
  <si>
    <t>046-267-2187</t>
  </si>
  <si>
    <t>046-267-2197</t>
  </si>
  <si>
    <t>242-0015</t>
  </si>
  <si>
    <t>046-275-8010</t>
  </si>
  <si>
    <t>242-0001</t>
  </si>
  <si>
    <t>046-273-0400</t>
  </si>
  <si>
    <t>046-274-2123</t>
  </si>
  <si>
    <t>046-268-8808</t>
  </si>
  <si>
    <t>242-0017</t>
  </si>
  <si>
    <t>046-262-7870</t>
  </si>
  <si>
    <t>046-262-7702</t>
  </si>
  <si>
    <t>046-278-2662</t>
  </si>
  <si>
    <t>046-264-3667</t>
  </si>
  <si>
    <t>046-264-3668</t>
  </si>
  <si>
    <t>242-0028</t>
  </si>
  <si>
    <t>046-259-5206</t>
  </si>
  <si>
    <t>046-259-5207</t>
  </si>
  <si>
    <t>259-1107</t>
  </si>
  <si>
    <t>0463-95-2078</t>
  </si>
  <si>
    <t>0463-95-4445</t>
  </si>
  <si>
    <t>0463-95-1086</t>
  </si>
  <si>
    <t>0463-95-2688</t>
  </si>
  <si>
    <t>259-1104</t>
  </si>
  <si>
    <t>0463-93-1390</t>
  </si>
  <si>
    <t>0463-95-1235</t>
  </si>
  <si>
    <t>0463-93-8925</t>
  </si>
  <si>
    <t>0463-93-3033</t>
  </si>
  <si>
    <t>0463-93-1007</t>
  </si>
  <si>
    <t>0463-92-6226</t>
  </si>
  <si>
    <t>0463-93-4414</t>
  </si>
  <si>
    <t>0463-26-3044</t>
  </si>
  <si>
    <t>0463-91-0050</t>
  </si>
  <si>
    <t>252-0014</t>
  </si>
  <si>
    <t>046-251-1044</t>
  </si>
  <si>
    <t>046-255-0826</t>
  </si>
  <si>
    <t>252-0002</t>
  </si>
  <si>
    <t>046-251-4603</t>
  </si>
  <si>
    <t>252-0001</t>
  </si>
  <si>
    <t>042-743-2200</t>
  </si>
  <si>
    <t>042-743-1891</t>
  </si>
  <si>
    <t>252-0021</t>
  </si>
  <si>
    <t>046-252-0763</t>
  </si>
  <si>
    <t>046-258-2741</t>
  </si>
  <si>
    <t>252-0011</t>
  </si>
  <si>
    <t>046-253-2523</t>
  </si>
  <si>
    <t>湘南ひばり保育園</t>
    <rPh sb="0" eb="2">
      <t>ショウナン</t>
    </rPh>
    <rPh sb="5" eb="8">
      <t>ホイクエン</t>
    </rPh>
    <phoneticPr fontId="1"/>
  </si>
  <si>
    <t>046-253-0943</t>
  </si>
  <si>
    <t>252-0025</t>
  </si>
  <si>
    <t>046-251-2202</t>
  </si>
  <si>
    <t>046-251-4689</t>
  </si>
  <si>
    <t>252-0004</t>
  </si>
  <si>
    <t>046-251-5564</t>
  </si>
  <si>
    <t>046-255-2891</t>
  </si>
  <si>
    <t>252-0003</t>
  </si>
  <si>
    <t>046-254-9338</t>
  </si>
  <si>
    <t>046-255-6714</t>
  </si>
  <si>
    <t>046-255-2100</t>
  </si>
  <si>
    <t>046-253-4906</t>
  </si>
  <si>
    <t>046-255-8691</t>
  </si>
  <si>
    <t>252-0024</t>
  </si>
  <si>
    <t>046-251-0355</t>
  </si>
  <si>
    <t>252-0005</t>
  </si>
  <si>
    <t>046-253-2784</t>
  </si>
  <si>
    <t>046-251-5544</t>
  </si>
  <si>
    <t>046-254-5772</t>
  </si>
  <si>
    <t>252-0012</t>
  </si>
  <si>
    <t>046-255-3616</t>
  </si>
  <si>
    <t>046-254-1929</t>
  </si>
  <si>
    <t>252-0027</t>
  </si>
  <si>
    <t>046-251-6776</t>
  </si>
  <si>
    <t>250-0126</t>
  </si>
  <si>
    <t>0465-73-2515</t>
  </si>
  <si>
    <t>250-0127</t>
  </si>
  <si>
    <t>0465-74-4848</t>
  </si>
  <si>
    <t>250-0117</t>
  </si>
  <si>
    <t>0465-74-5826</t>
  </si>
  <si>
    <t>250-0111</t>
  </si>
  <si>
    <t>0465-74-6573</t>
  </si>
  <si>
    <t>252-1104</t>
  </si>
  <si>
    <t>0467-78-4324</t>
  </si>
  <si>
    <t>0467-76-3841</t>
  </si>
  <si>
    <t>0467-76-8471</t>
  </si>
  <si>
    <t>0467-78-8111</t>
  </si>
  <si>
    <t>240-0112</t>
  </si>
  <si>
    <t>046-875-6246</t>
  </si>
  <si>
    <t>240-0113</t>
  </si>
  <si>
    <t>046-875-2324</t>
  </si>
  <si>
    <t>253-0106</t>
  </si>
  <si>
    <t>0467-75-0773</t>
  </si>
  <si>
    <t>253-0111</t>
  </si>
  <si>
    <t>0467-75-0729</t>
  </si>
  <si>
    <t>0467-75-0134</t>
  </si>
  <si>
    <t>255-0002</t>
  </si>
  <si>
    <t>0463-61-2641</t>
  </si>
  <si>
    <t>259-0133</t>
  </si>
  <si>
    <t>259-0122</t>
  </si>
  <si>
    <t>0463-73-2969</t>
  </si>
  <si>
    <t>259-0123</t>
  </si>
  <si>
    <t>0463-72-2350</t>
  </si>
  <si>
    <t>0463-73-1312</t>
  </si>
  <si>
    <t>258-0019</t>
  </si>
  <si>
    <t>258-0017</t>
  </si>
  <si>
    <t>0465-83-3225</t>
  </si>
  <si>
    <t>0465-20-6860</t>
  </si>
  <si>
    <t>258-0111</t>
  </si>
  <si>
    <t>258-0025</t>
  </si>
  <si>
    <t>0465-82-2277</t>
  </si>
  <si>
    <t>258-0021</t>
  </si>
  <si>
    <t>0465-85-3088</t>
  </si>
  <si>
    <t>0465-85-0305</t>
  </si>
  <si>
    <t>250-0401</t>
  </si>
  <si>
    <t>0460-82-2543</t>
  </si>
  <si>
    <t>259-0201</t>
  </si>
  <si>
    <t>0465-68-2422</t>
  </si>
  <si>
    <t>0465-68-3366</t>
  </si>
  <si>
    <t>259-0301</t>
  </si>
  <si>
    <t>259-0305</t>
  </si>
  <si>
    <t>259-0313</t>
  </si>
  <si>
    <t>259-0314</t>
  </si>
  <si>
    <t>259-0312</t>
  </si>
  <si>
    <t>243-0307</t>
  </si>
  <si>
    <t>046-281-0244</t>
  </si>
  <si>
    <t>243-0306</t>
  </si>
  <si>
    <t>046-281-1191</t>
  </si>
  <si>
    <t>243-0308</t>
  </si>
  <si>
    <t>046-281-1186</t>
  </si>
  <si>
    <t>243-0303</t>
  </si>
  <si>
    <t>046-285-0084</t>
  </si>
  <si>
    <t>243-0302</t>
  </si>
  <si>
    <t>046-285-0795</t>
  </si>
  <si>
    <t>046-286-0077</t>
  </si>
  <si>
    <t>046-281-7350</t>
  </si>
  <si>
    <t>046-281-7351</t>
  </si>
  <si>
    <t>259-1212</t>
  </si>
  <si>
    <t>茅ヶ崎市下町屋2-14-15</t>
  </si>
  <si>
    <t>茅ヶ崎市萩園665-1</t>
  </si>
  <si>
    <t>茅ヶ崎市南湖4-13-30</t>
  </si>
  <si>
    <t>茅ヶ崎市緑が浜7-52</t>
  </si>
  <si>
    <t>茅ヶ崎市松ヶ丘1-1-72</t>
  </si>
  <si>
    <t>茅ヶ崎市松尾8-23</t>
  </si>
  <si>
    <t>茅ヶ崎市小和田1-5-36</t>
  </si>
  <si>
    <t>茅ヶ崎市十間坂2-2-13</t>
  </si>
  <si>
    <t>ピヨピヨ保育園</t>
    <rPh sb="4" eb="7">
      <t>ホイクエン</t>
    </rPh>
    <phoneticPr fontId="1"/>
  </si>
  <si>
    <t>ピヨピヨの会</t>
    <rPh sb="5" eb="6">
      <t>カイ</t>
    </rPh>
    <phoneticPr fontId="1"/>
  </si>
  <si>
    <t xml:space="preserve">252-0804 </t>
  </si>
  <si>
    <t>0466-41-3660</t>
  </si>
  <si>
    <t>0466-41-3661</t>
  </si>
  <si>
    <t>グリーンキッズ湘南</t>
    <rPh sb="7" eb="9">
      <t>ショウナン</t>
    </rPh>
    <phoneticPr fontId="1"/>
  </si>
  <si>
    <t>喜寿福祉会</t>
    <rPh sb="0" eb="2">
      <t>キジュ</t>
    </rPh>
    <rPh sb="2" eb="4">
      <t>フクシ</t>
    </rPh>
    <rPh sb="4" eb="5">
      <t>カイ</t>
    </rPh>
    <phoneticPr fontId="1"/>
  </si>
  <si>
    <t xml:space="preserve">253-0017 </t>
  </si>
  <si>
    <t>0467-50-1125</t>
  </si>
  <si>
    <t>0467-50-1126</t>
  </si>
  <si>
    <t>湘南なでしこ保育園</t>
    <rPh sb="0" eb="2">
      <t>ショウナン</t>
    </rPh>
    <rPh sb="6" eb="9">
      <t>ホイクエン</t>
    </rPh>
    <phoneticPr fontId="1"/>
  </si>
  <si>
    <t>にこにこ保育園</t>
  </si>
  <si>
    <t>257-0012</t>
  </si>
  <si>
    <t>0463-83-2525</t>
  </si>
  <si>
    <t>山辺保育園</t>
    <rPh sb="0" eb="2">
      <t>ヤマベ</t>
    </rPh>
    <rPh sb="2" eb="5">
      <t>ホイクエン</t>
    </rPh>
    <phoneticPr fontId="1"/>
  </si>
  <si>
    <t xml:space="preserve">243-0203 </t>
  </si>
  <si>
    <t>046-243-4500</t>
  </si>
  <si>
    <t>046-243-4501</t>
  </si>
  <si>
    <t>はぐくみの丘保育園</t>
    <rPh sb="5" eb="6">
      <t>オカ</t>
    </rPh>
    <rPh sb="6" eb="9">
      <t>ホイクエン</t>
    </rPh>
    <phoneticPr fontId="1"/>
  </si>
  <si>
    <t>242-0021</t>
  </si>
  <si>
    <t>046-200-2183</t>
  </si>
  <si>
    <t>046-263-5958</t>
  </si>
  <si>
    <t>さくらの森保育園</t>
    <rPh sb="4" eb="5">
      <t>モリ</t>
    </rPh>
    <rPh sb="5" eb="8">
      <t>ホイクエン</t>
    </rPh>
    <phoneticPr fontId="1"/>
  </si>
  <si>
    <t>スプラウトユニティー</t>
  </si>
  <si>
    <t>243-0422</t>
  </si>
  <si>
    <t>046-234-5567</t>
  </si>
  <si>
    <t>046-235-8155</t>
  </si>
  <si>
    <t>白梅福祉会</t>
    <rPh sb="0" eb="2">
      <t>ハクバイ</t>
    </rPh>
    <rPh sb="2" eb="4">
      <t>フクシ</t>
    </rPh>
    <rPh sb="4" eb="5">
      <t>カイ</t>
    </rPh>
    <phoneticPr fontId="1"/>
  </si>
  <si>
    <t>酒田保育園上島分園</t>
    <rPh sb="0" eb="2">
      <t>サカタ</t>
    </rPh>
    <rPh sb="2" eb="5">
      <t>ホイクエン</t>
    </rPh>
    <rPh sb="5" eb="7">
      <t>カミシマ</t>
    </rPh>
    <rPh sb="7" eb="9">
      <t>ブンエン</t>
    </rPh>
    <phoneticPr fontId="1"/>
  </si>
  <si>
    <t>茅ヶ崎市西久保596-7</t>
  </si>
  <si>
    <t>茅ヶ崎市芹沢1056</t>
  </si>
  <si>
    <t>茅ヶ崎市小和田1-16-52</t>
    <rPh sb="4" eb="7">
      <t>コワダ</t>
    </rPh>
    <phoneticPr fontId="1"/>
  </si>
  <si>
    <t>逗子市久木2-7-2</t>
    <rPh sb="3" eb="5">
      <t>ヒサギ</t>
    </rPh>
    <phoneticPr fontId="1"/>
  </si>
  <si>
    <t>逗子市沼間1-21-10</t>
    <rPh sb="3" eb="5">
      <t>ヌママ</t>
    </rPh>
    <phoneticPr fontId="1"/>
  </si>
  <si>
    <t>逗子市桜山5-15-2</t>
    <rPh sb="3" eb="5">
      <t>サクラヤマ</t>
    </rPh>
    <phoneticPr fontId="1"/>
  </si>
  <si>
    <t>三浦市城山町4-4</t>
    <rPh sb="3" eb="6">
      <t>シロヤマチョウ</t>
    </rPh>
    <phoneticPr fontId="1"/>
  </si>
  <si>
    <t>三浦市南下浦町上宮田3190-1</t>
    <rPh sb="3" eb="4">
      <t>ミナミ</t>
    </rPh>
    <rPh sb="4" eb="5">
      <t>シモ</t>
    </rPh>
    <rPh sb="5" eb="6">
      <t>ウラ</t>
    </rPh>
    <rPh sb="6" eb="7">
      <t>チョウ</t>
    </rPh>
    <rPh sb="7" eb="8">
      <t>カミ</t>
    </rPh>
    <rPh sb="8" eb="10">
      <t>ミヤタ</t>
    </rPh>
    <phoneticPr fontId="1"/>
  </si>
  <si>
    <t>三浦市三崎町城ヶ島451</t>
    <rPh sb="3" eb="6">
      <t>ミサキチョウ</t>
    </rPh>
    <rPh sb="6" eb="9">
      <t>ジョウガシマ</t>
    </rPh>
    <phoneticPr fontId="1"/>
  </si>
  <si>
    <t>秦野市平沢1243-3</t>
    <rPh sb="3" eb="5">
      <t>ヒラサワ</t>
    </rPh>
    <phoneticPr fontId="1"/>
  </si>
  <si>
    <t>秦野市本町1-3-1</t>
    <rPh sb="3" eb="5">
      <t>ホンチョウ</t>
    </rPh>
    <phoneticPr fontId="1"/>
  </si>
  <si>
    <t>秦野市南矢名2290-3</t>
    <rPh sb="3" eb="4">
      <t>ミナミ</t>
    </rPh>
    <rPh sb="4" eb="5">
      <t>ヤ</t>
    </rPh>
    <rPh sb="5" eb="6">
      <t>ナ</t>
    </rPh>
    <phoneticPr fontId="1"/>
  </si>
  <si>
    <t>秦野市下大槻174-2</t>
    <rPh sb="3" eb="4">
      <t>シモ</t>
    </rPh>
    <rPh sb="4" eb="6">
      <t>オオツキ</t>
    </rPh>
    <phoneticPr fontId="1"/>
  </si>
  <si>
    <t>秦野市室町3-23</t>
    <rPh sb="3" eb="5">
      <t>ムロマチ</t>
    </rPh>
    <phoneticPr fontId="1"/>
  </si>
  <si>
    <t>秦野市東田原440-5</t>
    <rPh sb="3" eb="4">
      <t>ヒガシ</t>
    </rPh>
    <rPh sb="4" eb="6">
      <t>タハラ</t>
    </rPh>
    <phoneticPr fontId="1"/>
  </si>
  <si>
    <t>秦野市横野231</t>
    <rPh sb="3" eb="4">
      <t>ヨコ</t>
    </rPh>
    <rPh sb="4" eb="5">
      <t>ノ</t>
    </rPh>
    <phoneticPr fontId="1"/>
  </si>
  <si>
    <t>秦野市渋沢2-7-15</t>
    <rPh sb="3" eb="5">
      <t>シブサワ</t>
    </rPh>
    <phoneticPr fontId="1"/>
  </si>
  <si>
    <t>秦野市並木町9-36</t>
    <rPh sb="3" eb="5">
      <t>ナミキ</t>
    </rPh>
    <rPh sb="5" eb="6">
      <t>チョウ</t>
    </rPh>
    <phoneticPr fontId="1"/>
  </si>
  <si>
    <t>秦野市立野台1-3-7</t>
    <rPh sb="3" eb="5">
      <t>タテノ</t>
    </rPh>
    <rPh sb="5" eb="6">
      <t>ダイ</t>
    </rPh>
    <phoneticPr fontId="1"/>
  </si>
  <si>
    <t>厚木市飯山4232-1</t>
    <rPh sb="3" eb="5">
      <t>イイヤマ</t>
    </rPh>
    <phoneticPr fontId="1"/>
  </si>
  <si>
    <t>厚木市七沢162</t>
    <rPh sb="3" eb="5">
      <t>ナナサワ</t>
    </rPh>
    <phoneticPr fontId="1"/>
  </si>
  <si>
    <t>厚木市松枝1-1-3</t>
    <rPh sb="3" eb="5">
      <t>マツエダ</t>
    </rPh>
    <phoneticPr fontId="1"/>
  </si>
  <si>
    <t>厚木市長谷1247</t>
    <rPh sb="3" eb="5">
      <t>ハセ</t>
    </rPh>
    <phoneticPr fontId="1"/>
  </si>
  <si>
    <t>厚木市下津古久710-1</t>
    <rPh sb="3" eb="4">
      <t>シモ</t>
    </rPh>
    <rPh sb="4" eb="5">
      <t>ツ</t>
    </rPh>
    <rPh sb="5" eb="6">
      <t>コ</t>
    </rPh>
    <rPh sb="6" eb="7">
      <t>ク</t>
    </rPh>
    <phoneticPr fontId="1"/>
  </si>
  <si>
    <t>厚木市三田350-3</t>
    <rPh sb="3" eb="5">
      <t>ミタ</t>
    </rPh>
    <phoneticPr fontId="1"/>
  </si>
  <si>
    <t>厚木市岡田1-7-8</t>
    <rPh sb="3" eb="5">
      <t>オカダ</t>
    </rPh>
    <phoneticPr fontId="1"/>
  </si>
  <si>
    <t>厚木市関口390</t>
    <rPh sb="3" eb="5">
      <t>セキグチ</t>
    </rPh>
    <phoneticPr fontId="1"/>
  </si>
  <si>
    <t>厚木市鳶尾2-25-6</t>
    <rPh sb="3" eb="4">
      <t>鳶</t>
    </rPh>
    <rPh sb="4" eb="5">
      <t>オ</t>
    </rPh>
    <phoneticPr fontId="1"/>
  </si>
  <si>
    <t>厚木市妻田西2-20-5</t>
    <rPh sb="3" eb="5">
      <t>ツマダ</t>
    </rPh>
    <rPh sb="5" eb="6">
      <t>ニシ</t>
    </rPh>
    <phoneticPr fontId="1"/>
  </si>
  <si>
    <t>厚木市金田254</t>
    <rPh sb="3" eb="5">
      <t>カネダ</t>
    </rPh>
    <phoneticPr fontId="1"/>
  </si>
  <si>
    <t>厚木市水引2-12-29</t>
    <rPh sb="3" eb="5">
      <t>ミズヒキ</t>
    </rPh>
    <phoneticPr fontId="1"/>
  </si>
  <si>
    <t>厚木市長谷1128-1</t>
    <rPh sb="3" eb="5">
      <t>ハセ</t>
    </rPh>
    <phoneticPr fontId="1"/>
  </si>
  <si>
    <t>厚木市中町3-3-9・3F</t>
    <rPh sb="3" eb="5">
      <t>ナカマチ</t>
    </rPh>
    <phoneticPr fontId="1"/>
  </si>
  <si>
    <t>0465-32-3770</t>
  </si>
  <si>
    <t>0465-47-3367</t>
  </si>
  <si>
    <t>0465-22-9915</t>
  </si>
  <si>
    <t>0465-42-2164</t>
  </si>
  <si>
    <t>0465-35-9470</t>
  </si>
  <si>
    <t>0465-22-3723</t>
  </si>
  <si>
    <t>0463-55-1071</t>
  </si>
  <si>
    <t>0463-58-0412</t>
  </si>
  <si>
    <t>0463-31ｰ2622</t>
  </si>
  <si>
    <t>0463-31-5993</t>
  </si>
  <si>
    <t>0463-21-0059</t>
  </si>
  <si>
    <t>0463-54-0221</t>
  </si>
  <si>
    <t>0463-24-6080</t>
  </si>
  <si>
    <t>0463-35-4782</t>
  </si>
  <si>
    <t>0463-32-9890</t>
  </si>
  <si>
    <t>0463-31-8746</t>
  </si>
  <si>
    <t>吉村　匡美</t>
    <rPh sb="0" eb="2">
      <t>ヨシムラ</t>
    </rPh>
    <rPh sb="3" eb="4">
      <t>キョウ</t>
    </rPh>
    <rPh sb="4" eb="5">
      <t>ミ</t>
    </rPh>
    <phoneticPr fontId="1"/>
  </si>
  <si>
    <t>0463-33-3715</t>
  </si>
  <si>
    <t>0463-58-1917</t>
  </si>
  <si>
    <t>0463-35-2358</t>
  </si>
  <si>
    <t>0463-21-5575</t>
  </si>
  <si>
    <t>0463-35-2393</t>
  </si>
  <si>
    <t>0463-23-1589</t>
  </si>
  <si>
    <t>0463-20-2084</t>
  </si>
  <si>
    <t>0463-55-5562</t>
  </si>
  <si>
    <t>0463-58-7901</t>
  </si>
  <si>
    <t>0463-59-7050</t>
  </si>
  <si>
    <t>0463-36-4986</t>
  </si>
  <si>
    <t>0463-33-2923</t>
  </si>
  <si>
    <t>0463-53-4151</t>
  </si>
  <si>
    <t>0463-25-1026</t>
  </si>
  <si>
    <t>0467-31-1808</t>
  </si>
  <si>
    <t>0467-44-6291</t>
  </si>
  <si>
    <t>0467-45-1360</t>
  </si>
  <si>
    <t>0467-42-5201</t>
  </si>
  <si>
    <t>0467-24-6121</t>
  </si>
  <si>
    <t>0467-48-5676</t>
  </si>
  <si>
    <t>0467-43-2269</t>
  </si>
  <si>
    <t>0467-44-7698</t>
  </si>
  <si>
    <t>0467-46-2882</t>
  </si>
  <si>
    <t>0467-44-5823</t>
  </si>
  <si>
    <t>0466-81-6219</t>
  </si>
  <si>
    <t>0466-36-4539</t>
  </si>
  <si>
    <t>0466-81-6195</t>
  </si>
  <si>
    <t>0466-82-0536</t>
  </si>
  <si>
    <t>0466-36-6728</t>
  </si>
  <si>
    <t>0466-34-4539</t>
  </si>
  <si>
    <t>0466-22-2795</t>
  </si>
  <si>
    <t>0466-22-6852</t>
  </si>
  <si>
    <t>0466-36-1263</t>
  </si>
  <si>
    <t>0466-43-3809</t>
  </si>
  <si>
    <t>0466-26-1482</t>
  </si>
  <si>
    <t>0466-44-4873</t>
  </si>
  <si>
    <t>0466-33-1097</t>
  </si>
  <si>
    <t>0466-81-8724</t>
  </si>
  <si>
    <t>0466-87-9140</t>
  </si>
  <si>
    <t>0466-87-3946</t>
  </si>
  <si>
    <t>0466-87-8756</t>
  </si>
  <si>
    <t>0466-86-6553</t>
  </si>
  <si>
    <t>0466-82-1053</t>
  </si>
  <si>
    <t>0466-48-0444</t>
  </si>
  <si>
    <t>0466-26-3498</t>
  </si>
  <si>
    <t>0466-44-8739</t>
  </si>
  <si>
    <t>0466-25-3849</t>
  </si>
  <si>
    <t>一般財団法人</t>
    <rPh sb="0" eb="2">
      <t>イッパン</t>
    </rPh>
    <rPh sb="2" eb="6">
      <t>ザイダンホウジン</t>
    </rPh>
    <phoneticPr fontId="1"/>
  </si>
  <si>
    <t>◎</t>
  </si>
  <si>
    <t>稲垣会</t>
    <rPh sb="0" eb="2">
      <t>イナガキ</t>
    </rPh>
    <rPh sb="2" eb="3">
      <t>カイ</t>
    </rPh>
    <phoneticPr fontId="1"/>
  </si>
  <si>
    <t>0466-28-9866</t>
  </si>
  <si>
    <t>石上保育園</t>
    <rPh sb="0" eb="2">
      <t>イシガミ</t>
    </rPh>
    <rPh sb="2" eb="5">
      <t>ホイクエン</t>
    </rPh>
    <phoneticPr fontId="1"/>
  </si>
  <si>
    <t>愛歩保育園</t>
    <rPh sb="0" eb="1">
      <t>アイ</t>
    </rPh>
    <rPh sb="1" eb="2">
      <t>ホ</t>
    </rPh>
    <rPh sb="2" eb="5">
      <t>ホイクエン</t>
    </rPh>
    <phoneticPr fontId="1"/>
  </si>
  <si>
    <t>保育園おひさまのほっぺ</t>
    <rPh sb="0" eb="3">
      <t>ホイクエン</t>
    </rPh>
    <phoneticPr fontId="1"/>
  </si>
  <si>
    <t>わかば健成会</t>
    <rPh sb="3" eb="6">
      <t>ケンセイカイ</t>
    </rPh>
    <phoneticPr fontId="1"/>
  </si>
  <si>
    <t>0466-33-1524</t>
  </si>
  <si>
    <t>0466-81-5378</t>
  </si>
  <si>
    <t>0466-34-2290</t>
  </si>
  <si>
    <t>0466-26-6767</t>
  </si>
  <si>
    <t>0466-44-9540</t>
  </si>
  <si>
    <t>0466-88-9208</t>
  </si>
  <si>
    <t>0466-26-2350</t>
  </si>
  <si>
    <t>0466-43-7005</t>
  </si>
  <si>
    <t>0465-23-3635</t>
  </si>
  <si>
    <t>0465-48-7164</t>
  </si>
  <si>
    <t>0467-82-3889</t>
  </si>
  <si>
    <t>0467-52-0136</t>
  </si>
  <si>
    <t>0467-33-5626</t>
  </si>
  <si>
    <t>0467-85-8928</t>
  </si>
  <si>
    <t>0467-82-8533</t>
  </si>
  <si>
    <t>0467-85-4503</t>
  </si>
  <si>
    <t>0467-57-3323</t>
  </si>
  <si>
    <t>0467-57-4988</t>
  </si>
  <si>
    <t>0467-54-9954</t>
  </si>
  <si>
    <t>0467-58-9141</t>
  </si>
  <si>
    <t>0467-58-8460</t>
  </si>
  <si>
    <t>0467-51-7840</t>
  </si>
  <si>
    <t>0467-51-7727</t>
  </si>
  <si>
    <t>0467-22-3435</t>
  </si>
  <si>
    <t>046-888-6742</t>
  </si>
  <si>
    <t>046-881-7902</t>
  </si>
  <si>
    <t>046-889-0874</t>
  </si>
  <si>
    <t>046-881-2728</t>
  </si>
  <si>
    <t>0463-83-6410</t>
  </si>
  <si>
    <t>0463-81-3141</t>
  </si>
  <si>
    <t>0463-78-7124</t>
  </si>
  <si>
    <t>0463-82-2837</t>
  </si>
  <si>
    <t>0463-81-5529</t>
  </si>
  <si>
    <t>0467-50-0208</t>
  </si>
  <si>
    <t xml:space="preserve">253-0085 </t>
  </si>
  <si>
    <t>茅ヶ崎市矢畑620-1</t>
  </si>
  <si>
    <t>檸檬会</t>
    <rPh sb="0" eb="2">
      <t>レモン</t>
    </rPh>
    <rPh sb="2" eb="3">
      <t>カイ</t>
    </rPh>
    <phoneticPr fontId="1"/>
  </si>
  <si>
    <t>0467-59-5007</t>
  </si>
  <si>
    <t>0463-75-2819</t>
  </si>
  <si>
    <t>0463-88-9650</t>
  </si>
  <si>
    <t>0463-88-3706</t>
  </si>
  <si>
    <t>0463-83-2626</t>
  </si>
  <si>
    <t>046-241-1811</t>
  </si>
  <si>
    <t>榮　　誠司</t>
    <rPh sb="0" eb="1">
      <t>サカエ</t>
    </rPh>
    <rPh sb="3" eb="5">
      <t>セイジ</t>
    </rPh>
    <phoneticPr fontId="1"/>
  </si>
  <si>
    <t>安本　　昇</t>
    <rPh sb="0" eb="2">
      <t>ヤスモト</t>
    </rPh>
    <rPh sb="4" eb="5">
      <t>ノボル</t>
    </rPh>
    <phoneticPr fontId="1"/>
  </si>
  <si>
    <t>竹村　眞理子</t>
    <phoneticPr fontId="1"/>
  </si>
  <si>
    <t>杉山　喜代美</t>
    <phoneticPr fontId="1"/>
  </si>
  <si>
    <t>平井　義行</t>
    <rPh sb="0" eb="2">
      <t>ヒライ</t>
    </rPh>
    <rPh sb="3" eb="5">
      <t>ヨシユキ</t>
    </rPh>
    <phoneticPr fontId="1"/>
  </si>
  <si>
    <t>石田　かおり</t>
    <rPh sb="0" eb="2">
      <t>イシダ</t>
    </rPh>
    <phoneticPr fontId="1"/>
  </si>
  <si>
    <t>露木　省子</t>
    <rPh sb="0" eb="1">
      <t>ツユ</t>
    </rPh>
    <rPh sb="1" eb="2">
      <t>キ</t>
    </rPh>
    <rPh sb="3" eb="4">
      <t>ショウ</t>
    </rPh>
    <rPh sb="4" eb="5">
      <t>コ</t>
    </rPh>
    <phoneticPr fontId="1"/>
  </si>
  <si>
    <t>池田　早智子</t>
    <rPh sb="0" eb="2">
      <t>イケダ</t>
    </rPh>
    <rPh sb="3" eb="6">
      <t>サチコ</t>
    </rPh>
    <phoneticPr fontId="1"/>
  </si>
  <si>
    <t>吉岡　桂子</t>
    <rPh sb="0" eb="2">
      <t>ヨシオカ</t>
    </rPh>
    <rPh sb="3" eb="5">
      <t>ケイコ</t>
    </rPh>
    <phoneticPr fontId="1"/>
  </si>
  <si>
    <t>三橋　幸恵</t>
    <phoneticPr fontId="1"/>
  </si>
  <si>
    <t>佐藤　さなえ</t>
    <rPh sb="0" eb="2">
      <t>サトウ</t>
    </rPh>
    <phoneticPr fontId="1"/>
  </si>
  <si>
    <t>中島　光子</t>
    <phoneticPr fontId="1"/>
  </si>
  <si>
    <t>松尾　真弓</t>
    <rPh sb="0" eb="2">
      <t>マツオ</t>
    </rPh>
    <rPh sb="3" eb="5">
      <t>マユミ</t>
    </rPh>
    <phoneticPr fontId="1"/>
  </si>
  <si>
    <t>吉原　美弥子</t>
    <rPh sb="0" eb="2">
      <t>ヨシハラ</t>
    </rPh>
    <rPh sb="3" eb="6">
      <t>ミヤコ</t>
    </rPh>
    <phoneticPr fontId="1"/>
  </si>
  <si>
    <t>髙野　　緑</t>
    <rPh sb="0" eb="1">
      <t>コウ</t>
    </rPh>
    <rPh sb="1" eb="2">
      <t>ノ</t>
    </rPh>
    <rPh sb="4" eb="5">
      <t>ミドリ</t>
    </rPh>
    <phoneticPr fontId="1"/>
  </si>
  <si>
    <t>森下　芙玖江</t>
    <rPh sb="0" eb="2">
      <t>モリシタ</t>
    </rPh>
    <rPh sb="3" eb="4">
      <t>フ</t>
    </rPh>
    <rPh sb="4" eb="5">
      <t>玖</t>
    </rPh>
    <rPh sb="5" eb="6">
      <t>エ</t>
    </rPh>
    <phoneticPr fontId="1"/>
  </si>
  <si>
    <t>中島　　操</t>
    <rPh sb="0" eb="2">
      <t>ナカジマ</t>
    </rPh>
    <rPh sb="4" eb="5">
      <t>ミサオ</t>
    </rPh>
    <phoneticPr fontId="1"/>
  </si>
  <si>
    <t>古屋　禎三</t>
    <rPh sb="0" eb="2">
      <t>フルヤ</t>
    </rPh>
    <rPh sb="3" eb="5">
      <t>テイゾウ</t>
    </rPh>
    <phoneticPr fontId="1"/>
  </si>
  <si>
    <t>三原　文子</t>
    <rPh sb="0" eb="2">
      <t>ミハラ</t>
    </rPh>
    <rPh sb="3" eb="5">
      <t>フミコ</t>
    </rPh>
    <phoneticPr fontId="1"/>
  </si>
  <si>
    <t>田中　恵利子</t>
    <rPh sb="0" eb="2">
      <t>タナカ</t>
    </rPh>
    <rPh sb="3" eb="6">
      <t>エリコ</t>
    </rPh>
    <phoneticPr fontId="1"/>
  </si>
  <si>
    <t>藤原　京子</t>
    <rPh sb="0" eb="2">
      <t>フジワラ</t>
    </rPh>
    <rPh sb="3" eb="5">
      <t>キョウコ</t>
    </rPh>
    <phoneticPr fontId="1"/>
  </si>
  <si>
    <t>江成　玲子</t>
    <rPh sb="0" eb="2">
      <t>エナリ</t>
    </rPh>
    <rPh sb="3" eb="5">
      <t>レイコ</t>
    </rPh>
    <phoneticPr fontId="1"/>
  </si>
  <si>
    <t>秋庭　　恵子</t>
    <rPh sb="0" eb="2">
      <t>アキニワ</t>
    </rPh>
    <rPh sb="4" eb="6">
      <t>ケイコ</t>
    </rPh>
    <phoneticPr fontId="1"/>
  </si>
  <si>
    <t>磯野　一途</t>
    <rPh sb="0" eb="2">
      <t>イソノ</t>
    </rPh>
    <rPh sb="3" eb="4">
      <t>イチ</t>
    </rPh>
    <rPh sb="4" eb="5">
      <t>ト</t>
    </rPh>
    <phoneticPr fontId="1"/>
  </si>
  <si>
    <t>小島　良之</t>
    <rPh sb="0" eb="2">
      <t>コジマ</t>
    </rPh>
    <rPh sb="3" eb="5">
      <t>ヨシユキ</t>
    </rPh>
    <phoneticPr fontId="1"/>
  </si>
  <si>
    <t>高松　一枝</t>
    <rPh sb="0" eb="2">
      <t>タカマツ</t>
    </rPh>
    <rPh sb="3" eb="5">
      <t>カズエ</t>
    </rPh>
    <phoneticPr fontId="1"/>
  </si>
  <si>
    <t>石井　桂子</t>
    <rPh sb="0" eb="2">
      <t>イシイ</t>
    </rPh>
    <rPh sb="3" eb="5">
      <t>ケイコ</t>
    </rPh>
    <phoneticPr fontId="1"/>
  </si>
  <si>
    <t>大木　明美</t>
    <rPh sb="0" eb="2">
      <t>オオキ</t>
    </rPh>
    <rPh sb="3" eb="5">
      <t>アケミ</t>
    </rPh>
    <phoneticPr fontId="1"/>
  </si>
  <si>
    <t>井上　真澄</t>
    <rPh sb="0" eb="2">
      <t>イノウエ</t>
    </rPh>
    <rPh sb="3" eb="5">
      <t>マスミ</t>
    </rPh>
    <phoneticPr fontId="1"/>
  </si>
  <si>
    <t>安斉　和恵</t>
    <rPh sb="0" eb="2">
      <t>アンザイ</t>
    </rPh>
    <rPh sb="3" eb="5">
      <t>カズエ</t>
    </rPh>
    <phoneticPr fontId="1"/>
  </si>
  <si>
    <t>落合　美穂</t>
    <rPh sb="0" eb="2">
      <t>オチアイ</t>
    </rPh>
    <rPh sb="3" eb="5">
      <t>ミホ</t>
    </rPh>
    <phoneticPr fontId="1"/>
  </si>
  <si>
    <t>鈴木　好子</t>
    <rPh sb="0" eb="2">
      <t>スズキ</t>
    </rPh>
    <rPh sb="3" eb="5">
      <t>ヨシコ</t>
    </rPh>
    <phoneticPr fontId="1"/>
  </si>
  <si>
    <t>金田　了太郎</t>
    <rPh sb="0" eb="2">
      <t>カネダ</t>
    </rPh>
    <rPh sb="3" eb="4">
      <t>リョウ</t>
    </rPh>
    <rPh sb="4" eb="6">
      <t>タロウ</t>
    </rPh>
    <phoneticPr fontId="1"/>
  </si>
  <si>
    <t>牧野　恵子</t>
    <rPh sb="0" eb="2">
      <t>マキノ</t>
    </rPh>
    <rPh sb="3" eb="5">
      <t>ケイコ</t>
    </rPh>
    <phoneticPr fontId="1"/>
  </si>
  <si>
    <t>鳥居　秀美</t>
    <rPh sb="0" eb="2">
      <t>トリイ</t>
    </rPh>
    <rPh sb="3" eb="5">
      <t>ヒデミ</t>
    </rPh>
    <phoneticPr fontId="1"/>
  </si>
  <si>
    <t>福山　奈緒子</t>
    <rPh sb="0" eb="2">
      <t>フクヤマ</t>
    </rPh>
    <rPh sb="3" eb="4">
      <t>ナ</t>
    </rPh>
    <rPh sb="4" eb="5">
      <t>オ</t>
    </rPh>
    <rPh sb="5" eb="6">
      <t>コ</t>
    </rPh>
    <phoneticPr fontId="1"/>
  </si>
  <si>
    <t>鈴木　和代</t>
    <rPh sb="0" eb="2">
      <t>スズキ</t>
    </rPh>
    <rPh sb="3" eb="5">
      <t>カズヨ</t>
    </rPh>
    <phoneticPr fontId="1"/>
  </si>
  <si>
    <t>金子　玲子</t>
    <rPh sb="0" eb="2">
      <t>カネコ</t>
    </rPh>
    <rPh sb="3" eb="5">
      <t>レイコ</t>
    </rPh>
    <phoneticPr fontId="1"/>
  </si>
  <si>
    <t>牧山　美代子</t>
    <rPh sb="0" eb="2">
      <t>マキヤマ</t>
    </rPh>
    <rPh sb="3" eb="6">
      <t>ミヨコ</t>
    </rPh>
    <phoneticPr fontId="1"/>
  </si>
  <si>
    <t>飯野　幸江</t>
    <rPh sb="0" eb="2">
      <t>イイノ</t>
    </rPh>
    <rPh sb="3" eb="4">
      <t>サチ</t>
    </rPh>
    <rPh sb="4" eb="5">
      <t>エ</t>
    </rPh>
    <phoneticPr fontId="1"/>
  </si>
  <si>
    <t>冨田　英雄</t>
    <rPh sb="0" eb="2">
      <t>トミタ</t>
    </rPh>
    <rPh sb="3" eb="5">
      <t>ヒデオ</t>
    </rPh>
    <phoneticPr fontId="1"/>
  </si>
  <si>
    <t>冨田　知敬</t>
    <rPh sb="0" eb="2">
      <t>トミタ</t>
    </rPh>
    <rPh sb="3" eb="4">
      <t>チ</t>
    </rPh>
    <rPh sb="4" eb="5">
      <t>ケイ</t>
    </rPh>
    <phoneticPr fontId="1"/>
  </si>
  <si>
    <t>北村　郁子</t>
    <rPh sb="0" eb="2">
      <t>キタムラ</t>
    </rPh>
    <rPh sb="3" eb="5">
      <t>イクコ</t>
    </rPh>
    <phoneticPr fontId="1"/>
  </si>
  <si>
    <t>相原　三由紀</t>
    <rPh sb="0" eb="2">
      <t>アイハラ</t>
    </rPh>
    <rPh sb="3" eb="4">
      <t>ミ</t>
    </rPh>
    <rPh sb="4" eb="6">
      <t>ユキ</t>
    </rPh>
    <phoneticPr fontId="1"/>
  </si>
  <si>
    <t>大倉　圭子</t>
    <rPh sb="0" eb="2">
      <t>オオクラ</t>
    </rPh>
    <rPh sb="3" eb="5">
      <t>ケイコ</t>
    </rPh>
    <phoneticPr fontId="1"/>
  </si>
  <si>
    <t>小永井　達也</t>
    <rPh sb="0" eb="1">
      <t>コ</t>
    </rPh>
    <rPh sb="1" eb="3">
      <t>ナガイ</t>
    </rPh>
    <rPh sb="4" eb="6">
      <t>タツヤ</t>
    </rPh>
    <phoneticPr fontId="1"/>
  </si>
  <si>
    <t>伊澤　昭治</t>
    <rPh sb="0" eb="2">
      <t>イザワ</t>
    </rPh>
    <rPh sb="3" eb="5">
      <t>ショウジ</t>
    </rPh>
    <phoneticPr fontId="1"/>
  </si>
  <si>
    <t>加藤　和幸</t>
    <rPh sb="0" eb="2">
      <t>カトウ</t>
    </rPh>
    <rPh sb="3" eb="5">
      <t>カズユキ</t>
    </rPh>
    <phoneticPr fontId="1"/>
  </si>
  <si>
    <t>大地　澄子</t>
    <rPh sb="0" eb="2">
      <t>ダイチ</t>
    </rPh>
    <rPh sb="3" eb="5">
      <t>スミコ</t>
    </rPh>
    <phoneticPr fontId="1"/>
  </si>
  <si>
    <t>金野　直美</t>
    <rPh sb="0" eb="2">
      <t>コンノ</t>
    </rPh>
    <rPh sb="3" eb="5">
      <t>ナオミ</t>
    </rPh>
    <phoneticPr fontId="1"/>
  </si>
  <si>
    <t>赤塚　里江</t>
    <rPh sb="0" eb="2">
      <t>アカツカ</t>
    </rPh>
    <rPh sb="3" eb="5">
      <t>リエ</t>
    </rPh>
    <phoneticPr fontId="1"/>
  </si>
  <si>
    <t>岡田　栄子</t>
    <rPh sb="0" eb="2">
      <t>オカダ</t>
    </rPh>
    <rPh sb="3" eb="5">
      <t>エイコ</t>
    </rPh>
    <phoneticPr fontId="1"/>
  </si>
  <si>
    <t>桝居　　新</t>
    <rPh sb="0" eb="2">
      <t>マスイ</t>
    </rPh>
    <rPh sb="4" eb="5">
      <t>シン</t>
    </rPh>
    <phoneticPr fontId="1"/>
  </si>
  <si>
    <t>青木　裕子</t>
    <rPh sb="0" eb="2">
      <t>アオキ</t>
    </rPh>
    <rPh sb="3" eb="5">
      <t>ユウコ</t>
    </rPh>
    <phoneticPr fontId="1"/>
  </si>
  <si>
    <t>都築　融光</t>
    <rPh sb="0" eb="2">
      <t>ツヅキ</t>
    </rPh>
    <rPh sb="3" eb="4">
      <t>ユウ</t>
    </rPh>
    <rPh sb="4" eb="5">
      <t>コウ</t>
    </rPh>
    <phoneticPr fontId="1"/>
  </si>
  <si>
    <t>大井　俊章</t>
    <rPh sb="0" eb="2">
      <t>オオイ</t>
    </rPh>
    <rPh sb="3" eb="4">
      <t>シュン</t>
    </rPh>
    <rPh sb="4" eb="5">
      <t>アキラ</t>
    </rPh>
    <phoneticPr fontId="1"/>
  </si>
  <si>
    <t>椎野　あい子</t>
    <rPh sb="0" eb="2">
      <t>シイノ</t>
    </rPh>
    <rPh sb="5" eb="6">
      <t>コ</t>
    </rPh>
    <phoneticPr fontId="1"/>
  </si>
  <si>
    <t>長谷川　陽一</t>
    <rPh sb="0" eb="3">
      <t>ハセガワ</t>
    </rPh>
    <rPh sb="4" eb="6">
      <t>ヨウイチ</t>
    </rPh>
    <phoneticPr fontId="1"/>
  </si>
  <si>
    <t>池田　公平</t>
    <rPh sb="0" eb="2">
      <t>イケダ</t>
    </rPh>
    <rPh sb="3" eb="5">
      <t>コウヘイ</t>
    </rPh>
    <phoneticPr fontId="1"/>
  </si>
  <si>
    <t>天利　俊邦</t>
    <rPh sb="0" eb="2">
      <t>アマリ</t>
    </rPh>
    <rPh sb="3" eb="4">
      <t>トシ</t>
    </rPh>
    <rPh sb="4" eb="5">
      <t>クニ</t>
    </rPh>
    <phoneticPr fontId="1"/>
  </si>
  <si>
    <t>都築　顕道</t>
    <rPh sb="0" eb="2">
      <t>ツヅキ</t>
    </rPh>
    <rPh sb="3" eb="4">
      <t>ケン</t>
    </rPh>
    <rPh sb="4" eb="5">
      <t>ドウ</t>
    </rPh>
    <phoneticPr fontId="1"/>
  </si>
  <si>
    <t>松原　宣孝</t>
    <rPh sb="0" eb="2">
      <t>マツバラ</t>
    </rPh>
    <rPh sb="3" eb="5">
      <t>ノブタカ</t>
    </rPh>
    <phoneticPr fontId="1"/>
  </si>
  <si>
    <t>近藤　正浩</t>
    <rPh sb="0" eb="2">
      <t>コンドウ</t>
    </rPh>
    <rPh sb="3" eb="4">
      <t>タダ</t>
    </rPh>
    <rPh sb="4" eb="5">
      <t>ヒロシ</t>
    </rPh>
    <phoneticPr fontId="1"/>
  </si>
  <si>
    <t>石川　邦雄</t>
    <rPh sb="0" eb="2">
      <t>イシカワ</t>
    </rPh>
    <rPh sb="3" eb="5">
      <t>クニオ</t>
    </rPh>
    <phoneticPr fontId="1"/>
  </si>
  <si>
    <t>小谷　カツエ</t>
    <rPh sb="0" eb="2">
      <t>コタニ</t>
    </rPh>
    <phoneticPr fontId="1"/>
  </si>
  <si>
    <t>長谷川　公子</t>
    <rPh sb="0" eb="3">
      <t>ハセガワ</t>
    </rPh>
    <rPh sb="4" eb="6">
      <t>キミコ</t>
    </rPh>
    <phoneticPr fontId="1"/>
  </si>
  <si>
    <t>石塚　達義</t>
    <rPh sb="0" eb="2">
      <t>イシヅカ</t>
    </rPh>
    <rPh sb="3" eb="4">
      <t>タツ</t>
    </rPh>
    <rPh sb="4" eb="5">
      <t>ヨシ</t>
    </rPh>
    <phoneticPr fontId="1"/>
  </si>
  <si>
    <t>山本　具徳</t>
    <rPh sb="0" eb="2">
      <t>ヤマモト</t>
    </rPh>
    <rPh sb="3" eb="4">
      <t>グ</t>
    </rPh>
    <rPh sb="4" eb="5">
      <t>トク</t>
    </rPh>
    <phoneticPr fontId="1"/>
  </si>
  <si>
    <t>皆川　明演</t>
    <rPh sb="0" eb="2">
      <t>ミナガワ</t>
    </rPh>
    <rPh sb="3" eb="4">
      <t>ア</t>
    </rPh>
    <rPh sb="4" eb="5">
      <t>エン</t>
    </rPh>
    <phoneticPr fontId="1"/>
  </si>
  <si>
    <t>安藤　麻里</t>
    <rPh sb="0" eb="2">
      <t>アンドウ</t>
    </rPh>
    <rPh sb="3" eb="5">
      <t>マリ</t>
    </rPh>
    <phoneticPr fontId="1"/>
  </si>
  <si>
    <t>岩澤　貞之</t>
    <rPh sb="0" eb="2">
      <t>イワサワ</t>
    </rPh>
    <rPh sb="3" eb="5">
      <t>サダユキ</t>
    </rPh>
    <phoneticPr fontId="1"/>
  </si>
  <si>
    <t>柿澤　健二</t>
    <rPh sb="0" eb="2">
      <t>カキザワ</t>
    </rPh>
    <rPh sb="3" eb="5">
      <t>ケンジ</t>
    </rPh>
    <phoneticPr fontId="1"/>
  </si>
  <si>
    <t>三橋　貴文</t>
    <rPh sb="3" eb="5">
      <t>タカフミ</t>
    </rPh>
    <phoneticPr fontId="1"/>
  </si>
  <si>
    <t>原田　由美</t>
    <rPh sb="0" eb="2">
      <t>ハラダ</t>
    </rPh>
    <rPh sb="3" eb="4">
      <t>ユウ</t>
    </rPh>
    <rPh sb="4" eb="5">
      <t>ミ</t>
    </rPh>
    <phoneticPr fontId="1"/>
  </si>
  <si>
    <t>早乙女　実佳</t>
    <rPh sb="0" eb="3">
      <t>サオトメ</t>
    </rPh>
    <rPh sb="4" eb="5">
      <t>ミ</t>
    </rPh>
    <rPh sb="5" eb="6">
      <t>カ</t>
    </rPh>
    <phoneticPr fontId="1"/>
  </si>
  <si>
    <t>横地　みどり</t>
    <rPh sb="0" eb="2">
      <t>ヨコチ</t>
    </rPh>
    <phoneticPr fontId="1"/>
  </si>
  <si>
    <t>川名　克美</t>
    <rPh sb="0" eb="2">
      <t>カワナ</t>
    </rPh>
    <rPh sb="3" eb="5">
      <t>カツミ</t>
    </rPh>
    <phoneticPr fontId="1"/>
  </si>
  <si>
    <t>脇坂　　眞</t>
    <rPh sb="0" eb="2">
      <t>ワキサカ</t>
    </rPh>
    <rPh sb="4" eb="5">
      <t>マコト</t>
    </rPh>
    <phoneticPr fontId="1"/>
  </si>
  <si>
    <t>小島　淑栄</t>
    <rPh sb="0" eb="2">
      <t>コジマ</t>
    </rPh>
    <rPh sb="3" eb="5">
      <t>ヨシエ</t>
    </rPh>
    <phoneticPr fontId="1"/>
  </si>
  <si>
    <t>金子　歌子</t>
    <rPh sb="3" eb="5">
      <t>ウタコ</t>
    </rPh>
    <phoneticPr fontId="1"/>
  </si>
  <si>
    <t>須藤　史枝</t>
    <rPh sb="0" eb="2">
      <t>スドウ</t>
    </rPh>
    <rPh sb="3" eb="5">
      <t>フミエ</t>
    </rPh>
    <phoneticPr fontId="1"/>
  </si>
  <si>
    <t>綱嶋　広美</t>
    <rPh sb="0" eb="2">
      <t>ツナシマ</t>
    </rPh>
    <rPh sb="3" eb="5">
      <t>ヒロミ</t>
    </rPh>
    <phoneticPr fontId="1"/>
  </si>
  <si>
    <t>山口　巖雄</t>
    <rPh sb="0" eb="2">
      <t>ヤマグチ</t>
    </rPh>
    <rPh sb="3" eb="4">
      <t>イワオ</t>
    </rPh>
    <rPh sb="4" eb="5">
      <t>オス</t>
    </rPh>
    <phoneticPr fontId="1"/>
  </si>
  <si>
    <t>島津　容子</t>
    <rPh sb="0" eb="2">
      <t>シマズ</t>
    </rPh>
    <rPh sb="3" eb="5">
      <t>ヨウコ</t>
    </rPh>
    <phoneticPr fontId="1"/>
  </si>
  <si>
    <t>棚木　宮子</t>
    <rPh sb="0" eb="1">
      <t>タナ</t>
    </rPh>
    <rPh sb="1" eb="2">
      <t>キ</t>
    </rPh>
    <rPh sb="3" eb="5">
      <t>ミヤコ</t>
    </rPh>
    <phoneticPr fontId="1"/>
  </si>
  <si>
    <t>山口　清花</t>
    <rPh sb="0" eb="2">
      <t>ヤマグチ</t>
    </rPh>
    <rPh sb="3" eb="4">
      <t>キヨイ</t>
    </rPh>
    <rPh sb="4" eb="5">
      <t>ハナ</t>
    </rPh>
    <phoneticPr fontId="1"/>
  </si>
  <si>
    <t>籾山　稚香</t>
    <rPh sb="0" eb="2">
      <t>モミヤマ</t>
    </rPh>
    <rPh sb="3" eb="4">
      <t>チ</t>
    </rPh>
    <rPh sb="4" eb="5">
      <t>カ</t>
    </rPh>
    <phoneticPr fontId="1"/>
  </si>
  <si>
    <t>古木　英子</t>
    <rPh sb="0" eb="2">
      <t>フルキ</t>
    </rPh>
    <rPh sb="3" eb="5">
      <t>エイコ</t>
    </rPh>
    <phoneticPr fontId="1"/>
  </si>
  <si>
    <t>小島　喜久枝</t>
    <rPh sb="0" eb="2">
      <t>コジマ</t>
    </rPh>
    <rPh sb="3" eb="6">
      <t>キクエ</t>
    </rPh>
    <phoneticPr fontId="2"/>
  </si>
  <si>
    <t>重谷　ますみ</t>
    <rPh sb="0" eb="1">
      <t>オモ</t>
    </rPh>
    <rPh sb="1" eb="2">
      <t>タニ</t>
    </rPh>
    <phoneticPr fontId="1"/>
  </si>
  <si>
    <t>宮元　純子</t>
    <rPh sb="0" eb="2">
      <t>ミヤモト</t>
    </rPh>
    <rPh sb="3" eb="5">
      <t>ジュンコ</t>
    </rPh>
    <phoneticPr fontId="1"/>
  </si>
  <si>
    <t>石井　誠一</t>
    <rPh sb="0" eb="2">
      <t>イシイ</t>
    </rPh>
    <rPh sb="3" eb="5">
      <t>セイイチ</t>
    </rPh>
    <phoneticPr fontId="1"/>
  </si>
  <si>
    <t>萩原　敬三</t>
    <rPh sb="0" eb="2">
      <t>ハギワラ</t>
    </rPh>
    <rPh sb="3" eb="5">
      <t>ケイゾウ</t>
    </rPh>
    <phoneticPr fontId="1"/>
  </si>
  <si>
    <t>高橋　仁史</t>
    <rPh sb="0" eb="1">
      <t>タカアシ</t>
    </rPh>
    <rPh sb="1" eb="2">
      <t>ハシ</t>
    </rPh>
    <rPh sb="3" eb="5">
      <t>ヒトシ</t>
    </rPh>
    <phoneticPr fontId="1"/>
  </si>
  <si>
    <t>046-248-0016</t>
  </si>
  <si>
    <t>046-247-8430</t>
  </si>
  <si>
    <t>046-228-3608</t>
  </si>
  <si>
    <t>046-242-6892</t>
  </si>
  <si>
    <t>046-248-6398</t>
  </si>
  <si>
    <t>046-229-7248</t>
  </si>
  <si>
    <t>046-245-9732</t>
  </si>
  <si>
    <t>046-242-6891</t>
  </si>
  <si>
    <t>046-222-5718</t>
  </si>
  <si>
    <t>046-296-4154</t>
  </si>
  <si>
    <t>046-225-0780</t>
  </si>
  <si>
    <t>046-222-8619</t>
  </si>
  <si>
    <t>046-221-4066</t>
  </si>
  <si>
    <t>046-225-8177</t>
  </si>
  <si>
    <t>046-220-6334</t>
  </si>
  <si>
    <t>046-295-0057</t>
  </si>
  <si>
    <t>046-269-7902</t>
  </si>
  <si>
    <t>046-264-8674</t>
  </si>
  <si>
    <t>046-273-1104</t>
  </si>
  <si>
    <t>046-263-9472</t>
  </si>
  <si>
    <t>046-267-4287</t>
  </si>
  <si>
    <t>046-273-1114</t>
  </si>
  <si>
    <t>046-267-7510</t>
  </si>
  <si>
    <t>046-276-2242</t>
  </si>
  <si>
    <t>046-273-0410</t>
  </si>
  <si>
    <t>046-274-2130</t>
  </si>
  <si>
    <t>046-279-4404</t>
  </si>
  <si>
    <t>046-278-2661</t>
  </si>
  <si>
    <t>0463-95-4446</t>
  </si>
  <si>
    <t>0463-95-4447</t>
  </si>
  <si>
    <t>0463-95-4448</t>
  </si>
  <si>
    <t>0463-95-4443</t>
  </si>
  <si>
    <t>0463-95-4441</t>
  </si>
  <si>
    <t>0463-95-9753</t>
  </si>
  <si>
    <t>0463-94-4187</t>
  </si>
  <si>
    <t>0463-92-0976</t>
  </si>
  <si>
    <t>0463-92-6227</t>
  </si>
  <si>
    <t>0463-94-0018</t>
  </si>
  <si>
    <t>046-238-3231</t>
  </si>
  <si>
    <t>046-232-1876</t>
  </si>
  <si>
    <t>046-232-3324</t>
  </si>
  <si>
    <t>046-232-5994</t>
  </si>
  <si>
    <t>046-234-3850</t>
  </si>
  <si>
    <t>046-234-3870</t>
  </si>
  <si>
    <t>046-231-4146</t>
  </si>
  <si>
    <t>046-238-3720</t>
  </si>
  <si>
    <t>046-259-1377</t>
  </si>
  <si>
    <t>046-251-0419</t>
  </si>
  <si>
    <t>046-253-3388</t>
  </si>
  <si>
    <t>046-251-6566</t>
  </si>
  <si>
    <t>046-257-2500</t>
  </si>
  <si>
    <t>046-255-3638</t>
  </si>
  <si>
    <t>-</t>
  </si>
  <si>
    <t>046-234-4152</t>
  </si>
  <si>
    <t>046-236-0523</t>
  </si>
  <si>
    <t>0467-78-0711</t>
  </si>
  <si>
    <t>0463-61-9883</t>
  </si>
  <si>
    <t>046-254-1931</t>
  </si>
  <si>
    <t>ユーカリ福祉会</t>
    <rPh sb="4" eb="7">
      <t>フクシカイ</t>
    </rPh>
    <phoneticPr fontId="1"/>
  </si>
  <si>
    <t>046-251-6935</t>
  </si>
  <si>
    <t>046-298-2555</t>
  </si>
  <si>
    <t>0465-72-0988</t>
  </si>
  <si>
    <t>0465-72-2248</t>
  </si>
  <si>
    <t>0465-74-5827</t>
  </si>
  <si>
    <t>0465-74-7052</t>
  </si>
  <si>
    <t>0467-76-0030</t>
  </si>
  <si>
    <t>0467-77-0323</t>
  </si>
  <si>
    <t>設置主体</t>
    <rPh sb="0" eb="2">
      <t>セッチ</t>
    </rPh>
    <rPh sb="2" eb="4">
      <t>シュタイ</t>
    </rPh>
    <phoneticPr fontId="1"/>
  </si>
  <si>
    <t>0467-79-2908</t>
  </si>
  <si>
    <t>0467-78-4365</t>
  </si>
  <si>
    <t>0467-76-3842</t>
  </si>
  <si>
    <t>0467-76-8428</t>
  </si>
  <si>
    <t>0467-75-0528</t>
  </si>
  <si>
    <t>0467-75-3796</t>
  </si>
  <si>
    <t>0467-75-0251</t>
  </si>
  <si>
    <t>0463-71-9657</t>
  </si>
  <si>
    <t>0463-73-4411</t>
  </si>
  <si>
    <t>0463-73-4049</t>
  </si>
  <si>
    <t>0463-73-3694</t>
  </si>
  <si>
    <t>0465-82-4249</t>
  </si>
  <si>
    <t>0465-75-1146</t>
  </si>
  <si>
    <t>0465-82-7881</t>
  </si>
  <si>
    <t>0465-85-0306</t>
  </si>
  <si>
    <t>0460-82-2965</t>
  </si>
  <si>
    <t>0465-68-2429</t>
  </si>
  <si>
    <t>0465-68-6500</t>
  </si>
  <si>
    <t>小田原市中里184-6</t>
    <rPh sb="4" eb="6">
      <t>ナカザト</t>
    </rPh>
    <phoneticPr fontId="1"/>
  </si>
  <si>
    <t>0465-62-3516</t>
  </si>
  <si>
    <t>0465-62-8386</t>
  </si>
  <si>
    <t>0465-63-2190</t>
  </si>
  <si>
    <t>0465-63-5255</t>
  </si>
  <si>
    <t>0465-63-0590</t>
  </si>
  <si>
    <t>046-281-6155</t>
  </si>
  <si>
    <t>046-281-6156</t>
  </si>
  <si>
    <t>046-281-6157</t>
  </si>
  <si>
    <t>046-286-7986</t>
  </si>
  <si>
    <t>046-285-0890</t>
  </si>
  <si>
    <t>046-286-7988</t>
  </si>
  <si>
    <t>松古洋佳</t>
    <rPh sb="0" eb="1">
      <t>マツ</t>
    </rPh>
    <rPh sb="1" eb="2">
      <t>フル</t>
    </rPh>
    <rPh sb="2" eb="4">
      <t>ヒロカ</t>
    </rPh>
    <phoneticPr fontId="1"/>
  </si>
  <si>
    <t>学校法人</t>
    <rPh sb="0" eb="2">
      <t>ガッコウ</t>
    </rPh>
    <rPh sb="2" eb="4">
      <t>ホウジン</t>
    </rPh>
    <phoneticPr fontId="1"/>
  </si>
  <si>
    <t>0463-55-6620</t>
  </si>
  <si>
    <t>0463-34-2526</t>
  </si>
  <si>
    <t>0466-22-5245</t>
  </si>
  <si>
    <t>鎌倉市大船2-10-24</t>
    <rPh sb="3" eb="5">
      <t>オオフナ</t>
    </rPh>
    <phoneticPr fontId="1"/>
  </si>
  <si>
    <t>鎌倉市寺分418-10</t>
    <rPh sb="3" eb="4">
      <t>テラ</t>
    </rPh>
    <rPh sb="4" eb="5">
      <t>フン</t>
    </rPh>
    <phoneticPr fontId="1"/>
  </si>
  <si>
    <t>鎌倉市梶原2-33-2</t>
    <rPh sb="3" eb="5">
      <t>カジワラ</t>
    </rPh>
    <phoneticPr fontId="1"/>
  </si>
  <si>
    <t>鎌倉市山崎1148</t>
    <rPh sb="3" eb="5">
      <t>ヤマザキ</t>
    </rPh>
    <phoneticPr fontId="1"/>
  </si>
  <si>
    <t>鎌倉市岡本2-21-19</t>
    <rPh sb="3" eb="5">
      <t>オカモト</t>
    </rPh>
    <phoneticPr fontId="1"/>
  </si>
  <si>
    <t>鎌倉市台1-2-25</t>
    <rPh sb="3" eb="4">
      <t>ダイ</t>
    </rPh>
    <phoneticPr fontId="1"/>
  </si>
  <si>
    <t>鎌倉市大船4-1-19</t>
    <rPh sb="3" eb="5">
      <t>オオフナ</t>
    </rPh>
    <phoneticPr fontId="1"/>
  </si>
  <si>
    <t>湘南くすの木保育園</t>
    <rPh sb="0" eb="2">
      <t>ショウナン</t>
    </rPh>
    <rPh sb="5" eb="6">
      <t>キ</t>
    </rPh>
    <rPh sb="6" eb="9">
      <t>ホイクエン</t>
    </rPh>
    <phoneticPr fontId="1"/>
  </si>
  <si>
    <t>松宝苑</t>
    <rPh sb="0" eb="2">
      <t>ショウホウ</t>
    </rPh>
    <rPh sb="2" eb="3">
      <t>エン</t>
    </rPh>
    <phoneticPr fontId="1"/>
  </si>
  <si>
    <t>茅ヶ崎市松林3-4-5</t>
    <rPh sb="0" eb="4">
      <t>チガサキシ</t>
    </rPh>
    <rPh sb="4" eb="6">
      <t>ショウリン</t>
    </rPh>
    <phoneticPr fontId="1"/>
  </si>
  <si>
    <t>鎌倉市材木座6-8-20</t>
    <rPh sb="3" eb="5">
      <t>ザイモク</t>
    </rPh>
    <rPh sb="5" eb="6">
      <t>ザ</t>
    </rPh>
    <phoneticPr fontId="1"/>
  </si>
  <si>
    <t>鎌倉市大船6-5-53</t>
    <rPh sb="3" eb="5">
      <t>オオフナ</t>
    </rPh>
    <phoneticPr fontId="1"/>
  </si>
  <si>
    <t>鎌倉市岩瀬776-2</t>
    <rPh sb="3" eb="5">
      <t>イワセ</t>
    </rPh>
    <phoneticPr fontId="1"/>
  </si>
  <si>
    <t>鎌倉市岩瀬1526</t>
    <rPh sb="3" eb="5">
      <t>イワセ</t>
    </rPh>
    <phoneticPr fontId="1"/>
  </si>
  <si>
    <t>海老名市東柏ケ谷5-11-41</t>
    <phoneticPr fontId="1"/>
  </si>
  <si>
    <t>046-259-5172</t>
    <phoneticPr fontId="1"/>
  </si>
  <si>
    <t>鎌倉市岩瀬1304</t>
    <rPh sb="3" eb="5">
      <t>イワセ</t>
    </rPh>
    <phoneticPr fontId="1"/>
  </si>
  <si>
    <t>有限会社</t>
    <rPh sb="0" eb="4">
      <t>ユウゲンガイシャ</t>
    </rPh>
    <phoneticPr fontId="1"/>
  </si>
  <si>
    <t>藤沢市本鵠沼3-16-25</t>
    <rPh sb="3" eb="6">
      <t>ホンクゲヌマ</t>
    </rPh>
    <phoneticPr fontId="1"/>
  </si>
  <si>
    <t>藤沢市善行2-18-1</t>
    <rPh sb="3" eb="5">
      <t>ゼンギョウ</t>
    </rPh>
    <phoneticPr fontId="1"/>
  </si>
  <si>
    <t>藤沢市善行2-18-5</t>
    <rPh sb="3" eb="5">
      <t>ゼンギョウ</t>
    </rPh>
    <phoneticPr fontId="1"/>
  </si>
  <si>
    <t>藤沢市羽鳥1-3-12</t>
    <rPh sb="3" eb="4">
      <t>ハ</t>
    </rPh>
    <rPh sb="4" eb="5">
      <t>トリ</t>
    </rPh>
    <phoneticPr fontId="1"/>
  </si>
  <si>
    <t>藤沢市鵠沼海岸4-17-6</t>
    <rPh sb="3" eb="5">
      <t>クゲヌマ</t>
    </rPh>
    <rPh sb="5" eb="7">
      <t>カイガン</t>
    </rPh>
    <phoneticPr fontId="1"/>
  </si>
  <si>
    <t>藤沢市藤が岡2-3-16</t>
    <rPh sb="3" eb="4">
      <t>フジ</t>
    </rPh>
    <rPh sb="5" eb="6">
      <t>オカ</t>
    </rPh>
    <phoneticPr fontId="1"/>
  </si>
  <si>
    <t>藤沢市鵠沼石上1-11-5</t>
    <rPh sb="3" eb="5">
      <t>クゲヌマ</t>
    </rPh>
    <rPh sb="5" eb="7">
      <t>イシガミ</t>
    </rPh>
    <phoneticPr fontId="1"/>
  </si>
  <si>
    <t>藤沢市城南3-6-18</t>
    <rPh sb="3" eb="5">
      <t>ジョウナン</t>
    </rPh>
    <phoneticPr fontId="1"/>
  </si>
  <si>
    <t>藤沢市湘南台6-31-6</t>
    <rPh sb="3" eb="6">
      <t>ショウナンダイ</t>
    </rPh>
    <phoneticPr fontId="1"/>
  </si>
  <si>
    <t>藤沢市辻堂新町4-2-3</t>
    <rPh sb="3" eb="5">
      <t>ツジドウ</t>
    </rPh>
    <rPh sb="5" eb="7">
      <t>シンマチ</t>
    </rPh>
    <phoneticPr fontId="1"/>
  </si>
  <si>
    <t>藤沢市西俣野1962－2</t>
    <rPh sb="3" eb="4">
      <t>ニシ</t>
    </rPh>
    <rPh sb="4" eb="6">
      <t>マタノ</t>
    </rPh>
    <phoneticPr fontId="1"/>
  </si>
  <si>
    <t>藤沢市大庭5103－3</t>
    <rPh sb="3" eb="5">
      <t>オオバ</t>
    </rPh>
    <phoneticPr fontId="1"/>
  </si>
  <si>
    <t>藤沢市遠藤2469</t>
    <rPh sb="3" eb="5">
      <t>エンドウ</t>
    </rPh>
    <phoneticPr fontId="1"/>
  </si>
  <si>
    <t>藤沢市石川646-22</t>
    <rPh sb="3" eb="5">
      <t>イシカワ</t>
    </rPh>
    <phoneticPr fontId="1"/>
  </si>
  <si>
    <t>藤沢市石川3-30-12</t>
    <rPh sb="3" eb="5">
      <t>イシカワ</t>
    </rPh>
    <phoneticPr fontId="1"/>
  </si>
  <si>
    <t>ふくろうのもり保育園</t>
    <rPh sb="7" eb="10">
      <t>ホイクエン</t>
    </rPh>
    <phoneticPr fontId="1"/>
  </si>
  <si>
    <t>中郡大磯町東町1-13-33</t>
    <rPh sb="0" eb="1">
      <t>ナカ</t>
    </rPh>
    <rPh sb="1" eb="2">
      <t>グン</t>
    </rPh>
    <rPh sb="2" eb="5">
      <t>オオイソマチ</t>
    </rPh>
    <rPh sb="5" eb="6">
      <t>ヒガシ</t>
    </rPh>
    <rPh sb="6" eb="7">
      <t>マチ</t>
    </rPh>
    <phoneticPr fontId="1"/>
  </si>
  <si>
    <t>二葉保育園</t>
    <rPh sb="0" eb="2">
      <t>フタバ</t>
    </rPh>
    <rPh sb="2" eb="5">
      <t>ホ</t>
    </rPh>
    <phoneticPr fontId="1"/>
  </si>
  <si>
    <t>六会保育園</t>
    <rPh sb="0" eb="1">
      <t>ロク</t>
    </rPh>
    <rPh sb="1" eb="2">
      <t>エ</t>
    </rPh>
    <rPh sb="2" eb="5">
      <t>ホ</t>
    </rPh>
    <phoneticPr fontId="1"/>
  </si>
  <si>
    <t>わかたけ保育園</t>
    <rPh sb="4" eb="7">
      <t>ホ</t>
    </rPh>
    <phoneticPr fontId="1"/>
  </si>
  <si>
    <t>村岡保育園</t>
    <rPh sb="0" eb="2">
      <t>ムラオカ</t>
    </rPh>
    <rPh sb="2" eb="5">
      <t>ホ</t>
    </rPh>
    <phoneticPr fontId="1"/>
  </si>
  <si>
    <t>下土棚保育園</t>
    <rPh sb="0" eb="1">
      <t>ゲ</t>
    </rPh>
    <rPh sb="1" eb="2">
      <t>ド</t>
    </rPh>
    <rPh sb="2" eb="3">
      <t>タナ</t>
    </rPh>
    <rPh sb="3" eb="6">
      <t>ホ</t>
    </rPh>
    <phoneticPr fontId="1"/>
  </si>
  <si>
    <t>茅ケ崎市</t>
  </si>
  <si>
    <t>253-0082</t>
  </si>
  <si>
    <t>FAX番号</t>
    <rPh sb="3" eb="5">
      <t>バンゴウ</t>
    </rPh>
    <phoneticPr fontId="1"/>
  </si>
  <si>
    <t>茅ケ崎市香川4-46-1</t>
  </si>
  <si>
    <t>0467-57-6002</t>
  </si>
  <si>
    <t>小和田保育園</t>
  </si>
  <si>
    <t>聖アンナの園</t>
    <rPh sb="0" eb="1">
      <t>セイ</t>
    </rPh>
    <rPh sb="5" eb="6">
      <t>エン</t>
    </rPh>
    <phoneticPr fontId="1"/>
  </si>
  <si>
    <t>高部屋愛育保育園</t>
    <rPh sb="0" eb="1">
      <t>タカ</t>
    </rPh>
    <rPh sb="1" eb="3">
      <t>ベヤ</t>
    </rPh>
    <rPh sb="3" eb="5">
      <t>アイイク</t>
    </rPh>
    <rPh sb="5" eb="8">
      <t>ホイクエン</t>
    </rPh>
    <phoneticPr fontId="1"/>
  </si>
  <si>
    <t>もみの木保育園</t>
    <rPh sb="3" eb="4">
      <t>キ</t>
    </rPh>
    <rPh sb="4" eb="7">
      <t>ホイクエン</t>
    </rPh>
    <phoneticPr fontId="1"/>
  </si>
  <si>
    <t>岩瀬保育園</t>
    <rPh sb="0" eb="2">
      <t>イワセ</t>
    </rPh>
    <rPh sb="2" eb="5">
      <t>ホ</t>
    </rPh>
    <phoneticPr fontId="1"/>
  </si>
  <si>
    <t>城前寺保育園</t>
    <rPh sb="0" eb="1">
      <t>ジョウ</t>
    </rPh>
    <rPh sb="1" eb="2">
      <t>ゼン</t>
    </rPh>
    <rPh sb="2" eb="3">
      <t>ジ</t>
    </rPh>
    <rPh sb="3" eb="6">
      <t>ホ</t>
    </rPh>
    <phoneticPr fontId="1"/>
  </si>
  <si>
    <t>五百羅漢保育園</t>
    <rPh sb="0" eb="2">
      <t>ゴヒャク</t>
    </rPh>
    <rPh sb="2" eb="4">
      <t>ラカン</t>
    </rPh>
    <rPh sb="4" eb="7">
      <t>ホ</t>
    </rPh>
    <phoneticPr fontId="1"/>
  </si>
  <si>
    <t>みゆき愛児園</t>
    <rPh sb="3" eb="5">
      <t>アイジ</t>
    </rPh>
    <rPh sb="5" eb="6">
      <t>ホ</t>
    </rPh>
    <phoneticPr fontId="1"/>
  </si>
  <si>
    <t>三浦郡葉山町長柄991</t>
    <rPh sb="0" eb="3">
      <t>ミウラグン</t>
    </rPh>
    <rPh sb="3" eb="6">
      <t>ハヤママチ</t>
    </rPh>
    <rPh sb="6" eb="8">
      <t>ナガエ</t>
    </rPh>
    <phoneticPr fontId="1"/>
  </si>
  <si>
    <t>相川保育所</t>
    <rPh sb="0" eb="2">
      <t>アイカワ</t>
    </rPh>
    <rPh sb="2" eb="4">
      <t>ホイク</t>
    </rPh>
    <rPh sb="4" eb="5">
      <t>ショ</t>
    </rPh>
    <phoneticPr fontId="1"/>
  </si>
  <si>
    <t>三田保育園</t>
    <rPh sb="0" eb="2">
      <t>ミタ</t>
    </rPh>
    <rPh sb="2" eb="4">
      <t>ホイク</t>
    </rPh>
    <rPh sb="4" eb="5">
      <t>エン</t>
    </rPh>
    <phoneticPr fontId="1"/>
  </si>
  <si>
    <t>0465-42-9523</t>
  </si>
  <si>
    <t>0465-42-9522</t>
  </si>
  <si>
    <t>厚南幼児園</t>
    <rPh sb="0" eb="1">
      <t>アツ</t>
    </rPh>
    <rPh sb="1" eb="2">
      <t>ナン</t>
    </rPh>
    <rPh sb="2" eb="4">
      <t>ヨウジ</t>
    </rPh>
    <rPh sb="4" eb="5">
      <t>エン</t>
    </rPh>
    <phoneticPr fontId="1"/>
  </si>
  <si>
    <t>岡田保育園</t>
    <rPh sb="0" eb="2">
      <t>オカダ</t>
    </rPh>
    <rPh sb="2" eb="5">
      <t>ホイクエン</t>
    </rPh>
    <phoneticPr fontId="1"/>
  </si>
  <si>
    <t>経営主体</t>
    <rPh sb="0" eb="2">
      <t>ケイエイ</t>
    </rPh>
    <rPh sb="2" eb="4">
      <t>シュタイ</t>
    </rPh>
    <phoneticPr fontId="1"/>
  </si>
  <si>
    <t>郵便番号</t>
    <rPh sb="0" eb="2">
      <t>ユウビン</t>
    </rPh>
    <rPh sb="2" eb="4">
      <t>バンゴウ</t>
    </rPh>
    <phoneticPr fontId="1"/>
  </si>
  <si>
    <t>施設所在地</t>
    <rPh sb="0" eb="2">
      <t>シセツ</t>
    </rPh>
    <rPh sb="2" eb="5">
      <t>ショザイチ</t>
    </rPh>
    <phoneticPr fontId="1"/>
  </si>
  <si>
    <t>厚木市恩名1-10-38</t>
    <rPh sb="3" eb="5">
      <t>オンナ</t>
    </rPh>
    <phoneticPr fontId="1"/>
  </si>
  <si>
    <t>厚木市旭町3-7-3</t>
  </si>
  <si>
    <t>大和市中央6-8-27</t>
    <rPh sb="3" eb="5">
      <t>チュウオウ</t>
    </rPh>
    <phoneticPr fontId="1"/>
  </si>
  <si>
    <t>大和市鶴間1-25-3</t>
    <rPh sb="3" eb="5">
      <t>ツルマ</t>
    </rPh>
    <phoneticPr fontId="1"/>
  </si>
  <si>
    <t>大和市深見台4-10-23</t>
    <rPh sb="3" eb="6">
      <t>フカミダイ</t>
    </rPh>
    <phoneticPr fontId="1"/>
  </si>
  <si>
    <t>大和市福田8-22-5</t>
    <rPh sb="3" eb="5">
      <t>フクダ</t>
    </rPh>
    <phoneticPr fontId="1"/>
  </si>
  <si>
    <t>大和市西鶴間8-4-20</t>
    <rPh sb="3" eb="6">
      <t>ニシツルマ</t>
    </rPh>
    <phoneticPr fontId="1"/>
  </si>
  <si>
    <t>大和市上和田3221</t>
    <rPh sb="3" eb="6">
      <t>カミワダ</t>
    </rPh>
    <phoneticPr fontId="1"/>
  </si>
  <si>
    <t>大和市下和田262</t>
    <rPh sb="3" eb="6">
      <t>シモワダ</t>
    </rPh>
    <phoneticPr fontId="1"/>
  </si>
  <si>
    <t>大和市林間2-6-14</t>
  </si>
  <si>
    <t>大和市中央林間西4-27-12</t>
    <rPh sb="0" eb="2">
      <t>ヤマト</t>
    </rPh>
    <rPh sb="2" eb="3">
      <t>シ</t>
    </rPh>
    <rPh sb="3" eb="7">
      <t>チュウオウリンカン</t>
    </rPh>
    <rPh sb="7" eb="8">
      <t>ニシ</t>
    </rPh>
    <phoneticPr fontId="1"/>
  </si>
  <si>
    <t>湘南撫子会</t>
    <rPh sb="0" eb="2">
      <t>ショウナン</t>
    </rPh>
    <rPh sb="2" eb="4">
      <t>ナデシコ</t>
    </rPh>
    <rPh sb="4" eb="5">
      <t>カイ</t>
    </rPh>
    <phoneticPr fontId="1"/>
  </si>
  <si>
    <t>茅ヶ崎市みずき4－24－17</t>
    <rPh sb="0" eb="4">
      <t>チガサキシ</t>
    </rPh>
    <phoneticPr fontId="1"/>
  </si>
  <si>
    <t>海老名市</t>
  </si>
  <si>
    <t>柏ヶ谷保育園</t>
  </si>
  <si>
    <t>海老名市東柏ヶ谷2-14-6</t>
  </si>
  <si>
    <t>046-231-0103</t>
  </si>
  <si>
    <t>門沢橋保育園</t>
  </si>
  <si>
    <t>243-0426</t>
  </si>
  <si>
    <t>海老名市門沢橋2-22-7</t>
  </si>
  <si>
    <t>下今泉保育園</t>
  </si>
  <si>
    <t>綾瀬市上土棚北4-11-41</t>
    <rPh sb="0" eb="3">
      <t>アヤセシ</t>
    </rPh>
    <rPh sb="3" eb="4">
      <t>カミ</t>
    </rPh>
    <rPh sb="4" eb="5">
      <t>ハムロ</t>
    </rPh>
    <rPh sb="5" eb="6">
      <t>タナ</t>
    </rPh>
    <rPh sb="6" eb="7">
      <t>キタ</t>
    </rPh>
    <phoneticPr fontId="1"/>
  </si>
  <si>
    <t>0467-55-9696</t>
    <phoneticPr fontId="1"/>
  </si>
  <si>
    <t>0467-55-9695</t>
    <phoneticPr fontId="1"/>
  </si>
  <si>
    <t>プレップおおぞら保育園</t>
    <rPh sb="8" eb="11">
      <t>ホイクエン</t>
    </rPh>
    <phoneticPr fontId="1"/>
  </si>
  <si>
    <t>243-0435</t>
  </si>
  <si>
    <t>海老名市下今泉5-8-23</t>
  </si>
  <si>
    <t>中新田保育園</t>
  </si>
  <si>
    <t>海老名市中新田4-19-1</t>
  </si>
  <si>
    <t>046-232-3259</t>
  </si>
  <si>
    <t>勝瀬保育園</t>
  </si>
  <si>
    <t>243-0404</t>
  </si>
  <si>
    <t>海老名市勝瀬8-1</t>
  </si>
  <si>
    <t>たちばな保育園</t>
  </si>
  <si>
    <t>社会福祉法人</t>
  </si>
  <si>
    <t>妙常会</t>
  </si>
  <si>
    <t>243-0412</t>
  </si>
  <si>
    <t>海老名市浜田町23-14</t>
  </si>
  <si>
    <t>046-231-5831</t>
  </si>
  <si>
    <t>さがみ愛子園</t>
  </si>
  <si>
    <t>春秋会</t>
  </si>
  <si>
    <t>243-0433</t>
  </si>
  <si>
    <t>046-231-0846</t>
  </si>
  <si>
    <t>ふたば愛子園</t>
  </si>
  <si>
    <t>243-0406</t>
  </si>
  <si>
    <t>海老名市国分北3-1-43</t>
  </si>
  <si>
    <t>046-231-1636</t>
  </si>
  <si>
    <t>つちのこ保育園</t>
  </si>
  <si>
    <t>寿会</t>
  </si>
  <si>
    <t>243-0427</t>
  </si>
  <si>
    <t>海老名市杉久保南4-25-22</t>
  </si>
  <si>
    <t>046-238-3707</t>
  </si>
  <si>
    <t>保育所すこやかハウス</t>
  </si>
  <si>
    <t>243-0402</t>
  </si>
  <si>
    <t>海老名市柏ヶ谷555－6</t>
  </si>
  <si>
    <t>046-236-0522</t>
  </si>
  <si>
    <t>さくらい保育園</t>
  </si>
  <si>
    <t>慶泉会</t>
  </si>
  <si>
    <t>243-0431</t>
  </si>
  <si>
    <t>海老名市上今泉1-14-33</t>
  </si>
  <si>
    <t>046-235-8150</t>
  </si>
  <si>
    <t>046-235-8151</t>
  </si>
  <si>
    <t>虹の子保育園</t>
  </si>
  <si>
    <t>海老名市中新田2-21-24</t>
  </si>
  <si>
    <t>046-233-5941</t>
  </si>
  <si>
    <t>046-233-5954</t>
  </si>
  <si>
    <t>虹の子保育園分園</t>
  </si>
  <si>
    <t>海老名市中新田3-15-45</t>
  </si>
  <si>
    <t>にんじん村保育園</t>
  </si>
  <si>
    <t>青い草の会</t>
  </si>
  <si>
    <t xml:space="preserve">243-0401 </t>
  </si>
  <si>
    <t>046-232-3245</t>
  </si>
  <si>
    <t>市町村</t>
    <phoneticPr fontId="1"/>
  </si>
  <si>
    <t>恩賜財団
神奈川県同胞援護会</t>
    <phoneticPr fontId="1"/>
  </si>
  <si>
    <t>座間市緑ケ丘4-16-16</t>
    <rPh sb="3" eb="6">
      <t>ミドリガオカ</t>
    </rPh>
    <phoneticPr fontId="1"/>
  </si>
  <si>
    <t>座間市緑ケ丘1-26-6</t>
    <rPh sb="3" eb="6">
      <t>ミドリガオカ</t>
    </rPh>
    <phoneticPr fontId="1"/>
  </si>
  <si>
    <t>アスク大和保育園</t>
    <rPh sb="3" eb="5">
      <t>ヤマト</t>
    </rPh>
    <rPh sb="5" eb="8">
      <t>ホイクエン</t>
    </rPh>
    <phoneticPr fontId="1"/>
  </si>
  <si>
    <t>日本保育サービス</t>
    <rPh sb="0" eb="2">
      <t>ニホン</t>
    </rPh>
    <rPh sb="2" eb="4">
      <t>ホイク</t>
    </rPh>
    <phoneticPr fontId="1"/>
  </si>
  <si>
    <t>大和市中央1-4-19</t>
    <rPh sb="3" eb="5">
      <t>チュウオウ</t>
    </rPh>
    <phoneticPr fontId="1"/>
  </si>
  <si>
    <t>YMCAあつぎ保育園
ホサナ</t>
    <rPh sb="7" eb="10">
      <t>ホイクエン</t>
    </rPh>
    <phoneticPr fontId="1"/>
  </si>
  <si>
    <t>清川村</t>
    <rPh sb="0" eb="3">
      <t>キヨカワムラ</t>
    </rPh>
    <phoneticPr fontId="1"/>
  </si>
  <si>
    <t>認可(届出)
年月日</t>
    <rPh sb="0" eb="2">
      <t>ニンカ</t>
    </rPh>
    <rPh sb="3" eb="5">
      <t>トドケデ</t>
    </rPh>
    <rPh sb="7" eb="10">
      <t>ネンガッピ</t>
    </rPh>
    <phoneticPr fontId="1"/>
  </si>
  <si>
    <t>○</t>
  </si>
  <si>
    <t>ひまわり保育園</t>
    <rPh sb="4" eb="7">
      <t>ホイクエン</t>
    </rPh>
    <phoneticPr fontId="1"/>
  </si>
  <si>
    <t>西湘秦野保育園</t>
    <rPh sb="0" eb="1">
      <t>セイ</t>
    </rPh>
    <rPh sb="1" eb="2">
      <t>ショウ</t>
    </rPh>
    <rPh sb="2" eb="4">
      <t>ハダノ</t>
    </rPh>
    <rPh sb="4" eb="7">
      <t>ホイクエン</t>
    </rPh>
    <phoneticPr fontId="1"/>
  </si>
  <si>
    <t>こひつじ保育園</t>
    <rPh sb="4" eb="7">
      <t>ホイクエン</t>
    </rPh>
    <phoneticPr fontId="1"/>
  </si>
  <si>
    <t>みどり保育園</t>
    <rPh sb="3" eb="6">
      <t>ホイクエン</t>
    </rPh>
    <phoneticPr fontId="1"/>
  </si>
  <si>
    <t>厚木市</t>
    <rPh sb="0" eb="3">
      <t>アツギシ</t>
    </rPh>
    <phoneticPr fontId="1"/>
  </si>
  <si>
    <t>玉川保育所</t>
    <rPh sb="0" eb="2">
      <t>タマガワ</t>
    </rPh>
    <rPh sb="2" eb="4">
      <t>ホイク</t>
    </rPh>
    <rPh sb="4" eb="5">
      <t>ショ</t>
    </rPh>
    <phoneticPr fontId="1"/>
  </si>
  <si>
    <t>243-0014</t>
  </si>
  <si>
    <t>046-220-6333</t>
  </si>
  <si>
    <t>けいわ星の子保育園</t>
    <rPh sb="3" eb="4">
      <t>ホシ</t>
    </rPh>
    <rPh sb="5" eb="6">
      <t>コ</t>
    </rPh>
    <rPh sb="6" eb="9">
      <t>ホイクエン</t>
    </rPh>
    <phoneticPr fontId="1"/>
  </si>
  <si>
    <t>243-0018</t>
  </si>
  <si>
    <t>坂口　明美</t>
    <rPh sb="0" eb="2">
      <t>サカグチ</t>
    </rPh>
    <rPh sb="3" eb="5">
      <t>アケミ</t>
    </rPh>
    <phoneticPr fontId="1"/>
  </si>
  <si>
    <t>なぎさ第二保育園</t>
    <rPh sb="3" eb="5">
      <t>ダイニ</t>
    </rPh>
    <rPh sb="5" eb="8">
      <t>ホイクエン</t>
    </rPh>
    <phoneticPr fontId="1"/>
  </si>
  <si>
    <t>大町保育園</t>
    <rPh sb="0" eb="2">
      <t>オオマチ</t>
    </rPh>
    <rPh sb="2" eb="5">
      <t>ホ</t>
    </rPh>
    <phoneticPr fontId="1"/>
  </si>
  <si>
    <t>ゆうかり保育園</t>
    <rPh sb="4" eb="7">
      <t>ホ</t>
    </rPh>
    <phoneticPr fontId="1"/>
  </si>
  <si>
    <t>中原保育園</t>
    <rPh sb="0" eb="2">
      <t>ナカハラ</t>
    </rPh>
    <rPh sb="2" eb="5">
      <t>ホ</t>
    </rPh>
    <phoneticPr fontId="1"/>
  </si>
  <si>
    <t>みどり保育所</t>
    <rPh sb="3" eb="5">
      <t>ホ</t>
    </rPh>
    <rPh sb="5" eb="6">
      <t>トコロ</t>
    </rPh>
    <phoneticPr fontId="1"/>
  </si>
  <si>
    <t>もんもん保育園</t>
    <rPh sb="4" eb="7">
      <t>ホ</t>
    </rPh>
    <phoneticPr fontId="1"/>
  </si>
  <si>
    <t>253-0022</t>
  </si>
  <si>
    <t>0467-82-8571</t>
  </si>
  <si>
    <t>鶴が台保育園</t>
  </si>
  <si>
    <t>253-0003</t>
  </si>
  <si>
    <t>豊川保育園</t>
    <rPh sb="0" eb="2">
      <t>トヨカワ</t>
    </rPh>
    <rPh sb="2" eb="5">
      <t>ホ</t>
    </rPh>
    <phoneticPr fontId="1"/>
  </si>
  <si>
    <t>早川保育園</t>
    <rPh sb="0" eb="2">
      <t>ハヤカワ</t>
    </rPh>
    <rPh sb="2" eb="5">
      <t>ホ</t>
    </rPh>
    <phoneticPr fontId="1"/>
  </si>
  <si>
    <t>荻窪保育園</t>
    <rPh sb="0" eb="2">
      <t>オギクボ</t>
    </rPh>
    <rPh sb="2" eb="5">
      <t>ホ</t>
    </rPh>
    <phoneticPr fontId="1"/>
  </si>
  <si>
    <t>双葉保育園</t>
    <rPh sb="0" eb="2">
      <t>フタバ</t>
    </rPh>
    <rPh sb="2" eb="5">
      <t>ホイクエン</t>
    </rPh>
    <phoneticPr fontId="1"/>
  </si>
  <si>
    <t>上宮田小羊保育園</t>
    <rPh sb="0" eb="1">
      <t>カミ</t>
    </rPh>
    <rPh sb="1" eb="3">
      <t>ミヤタ</t>
    </rPh>
    <rPh sb="3" eb="4">
      <t>コ</t>
    </rPh>
    <rPh sb="4" eb="5">
      <t>ヒツジ</t>
    </rPh>
    <rPh sb="5" eb="8">
      <t>ホイクエン</t>
    </rPh>
    <phoneticPr fontId="1"/>
  </si>
  <si>
    <t>小鮎保育所</t>
    <rPh sb="0" eb="1">
      <t>コ</t>
    </rPh>
    <rPh sb="1" eb="2">
      <t>アユ</t>
    </rPh>
    <rPh sb="2" eb="4">
      <t>ホイク</t>
    </rPh>
    <rPh sb="4" eb="5">
      <t>ショ</t>
    </rPh>
    <phoneticPr fontId="1"/>
  </si>
  <si>
    <t>富士愛育園</t>
    <rPh sb="0" eb="2">
      <t>フジ</t>
    </rPh>
    <rPh sb="2" eb="3">
      <t>アイジ</t>
    </rPh>
    <rPh sb="3" eb="4">
      <t>イク</t>
    </rPh>
    <rPh sb="4" eb="5">
      <t>エン</t>
    </rPh>
    <phoneticPr fontId="1"/>
  </si>
  <si>
    <t>清心保育園</t>
    <rPh sb="0" eb="2">
      <t>セイシン</t>
    </rPh>
    <rPh sb="2" eb="5">
      <t>ホ</t>
    </rPh>
    <phoneticPr fontId="1"/>
  </si>
  <si>
    <t>曽我保育園</t>
    <rPh sb="0" eb="2">
      <t>ソガ</t>
    </rPh>
    <rPh sb="2" eb="5">
      <t>ホ</t>
    </rPh>
    <phoneticPr fontId="1"/>
  </si>
  <si>
    <t>逗子市</t>
    <rPh sb="0" eb="3">
      <t>ズシシ</t>
    </rPh>
    <phoneticPr fontId="1"/>
  </si>
  <si>
    <t>湘南保育園</t>
    <rPh sb="0" eb="2">
      <t>ショウナン</t>
    </rPh>
    <rPh sb="2" eb="5">
      <t>ホイクエン</t>
    </rPh>
    <phoneticPr fontId="1"/>
  </si>
  <si>
    <t>逗子市池子2-11-9</t>
    <rPh sb="0" eb="3">
      <t>ズシシ</t>
    </rPh>
    <rPh sb="3" eb="4">
      <t>イケ</t>
    </rPh>
    <rPh sb="4" eb="5">
      <t>コ</t>
    </rPh>
    <phoneticPr fontId="1"/>
  </si>
  <si>
    <t>小坪保育園</t>
    <rPh sb="0" eb="2">
      <t>コツボ</t>
    </rPh>
    <rPh sb="2" eb="5">
      <t>ホイクエン</t>
    </rPh>
    <phoneticPr fontId="1"/>
  </si>
  <si>
    <t>富水保育園</t>
    <rPh sb="0" eb="1">
      <t>トミ</t>
    </rPh>
    <rPh sb="1" eb="2">
      <t>スイ</t>
    </rPh>
    <rPh sb="2" eb="5">
      <t>ホ</t>
    </rPh>
    <phoneticPr fontId="1"/>
  </si>
  <si>
    <t>中島保育園</t>
    <rPh sb="0" eb="2">
      <t>ナカジマ</t>
    </rPh>
    <rPh sb="2" eb="5">
      <t>ホ</t>
    </rPh>
    <phoneticPr fontId="1"/>
  </si>
  <si>
    <t>山王保育園</t>
    <rPh sb="0" eb="2">
      <t>サンノウ</t>
    </rPh>
    <rPh sb="2" eb="5">
      <t>ホ</t>
    </rPh>
    <phoneticPr fontId="1"/>
  </si>
  <si>
    <t>辻堂保育園</t>
    <rPh sb="0" eb="2">
      <t>ツジドウ</t>
    </rPh>
    <rPh sb="2" eb="5">
      <t>ホ</t>
    </rPh>
    <phoneticPr fontId="1"/>
  </si>
  <si>
    <t>浜見保育園</t>
    <rPh sb="0" eb="1">
      <t>ハマ</t>
    </rPh>
    <rPh sb="1" eb="2">
      <t>ミ</t>
    </rPh>
    <rPh sb="2" eb="5">
      <t>ホ</t>
    </rPh>
    <phoneticPr fontId="1"/>
  </si>
  <si>
    <t>藤が岡保育園</t>
    <rPh sb="0" eb="1">
      <t>フジ</t>
    </rPh>
    <rPh sb="2" eb="3">
      <t>オカ</t>
    </rPh>
    <rPh sb="3" eb="6">
      <t>ホ</t>
    </rPh>
    <phoneticPr fontId="1"/>
  </si>
  <si>
    <t>あおぞら保育園</t>
    <rPh sb="4" eb="7">
      <t>ホイクエン</t>
    </rPh>
    <phoneticPr fontId="1"/>
  </si>
  <si>
    <t>保育園小さなほし</t>
    <rPh sb="3" eb="4">
      <t>チイ</t>
    </rPh>
    <phoneticPr fontId="1"/>
  </si>
  <si>
    <t>藤沢保育園</t>
    <rPh sb="0" eb="2">
      <t>フ</t>
    </rPh>
    <rPh sb="2" eb="5">
      <t>ホ</t>
    </rPh>
    <phoneticPr fontId="1"/>
  </si>
  <si>
    <t>明治保育園</t>
    <rPh sb="0" eb="2">
      <t>メイジ</t>
    </rPh>
    <rPh sb="2" eb="5">
      <t>ホ</t>
    </rPh>
    <phoneticPr fontId="1"/>
  </si>
  <si>
    <t>湘南台保育園</t>
    <rPh sb="0" eb="2">
      <t>ショウナン</t>
    </rPh>
    <rPh sb="2" eb="3">
      <t>ダイ</t>
    </rPh>
    <rPh sb="3" eb="6">
      <t>ホ</t>
    </rPh>
    <phoneticPr fontId="1"/>
  </si>
  <si>
    <t>座間市</t>
    <rPh sb="0" eb="3">
      <t>ザマシ</t>
    </rPh>
    <phoneticPr fontId="1"/>
  </si>
  <si>
    <t>栗原保育園</t>
    <rPh sb="0" eb="2">
      <t>クリハラ</t>
    </rPh>
    <rPh sb="2" eb="5">
      <t>ホイクエン</t>
    </rPh>
    <phoneticPr fontId="1"/>
  </si>
  <si>
    <t>座間市栗原中央6-5-28</t>
    <rPh sb="0" eb="3">
      <t>ザマシ</t>
    </rPh>
    <rPh sb="3" eb="5">
      <t>クリハラ</t>
    </rPh>
    <rPh sb="5" eb="7">
      <t>チュウオウ</t>
    </rPh>
    <phoneticPr fontId="1"/>
  </si>
  <si>
    <t>小松原保育園</t>
    <rPh sb="0" eb="3">
      <t>コマツバラ</t>
    </rPh>
    <rPh sb="3" eb="6">
      <t>ホイクエン</t>
    </rPh>
    <phoneticPr fontId="1"/>
  </si>
  <si>
    <t>相模が丘東保育園</t>
    <rPh sb="0" eb="4">
      <t>サガミガオカ</t>
    </rPh>
    <rPh sb="4" eb="5">
      <t>ヒガシ</t>
    </rPh>
    <rPh sb="5" eb="8">
      <t>ホイクエン</t>
    </rPh>
    <phoneticPr fontId="1"/>
  </si>
  <si>
    <t>相武台保育園</t>
    <rPh sb="0" eb="3">
      <t>ソウブダイ</t>
    </rPh>
    <rPh sb="3" eb="6">
      <t>ホイクエン</t>
    </rPh>
    <phoneticPr fontId="1"/>
  </si>
  <si>
    <t>ちぐさ保育園</t>
    <rPh sb="3" eb="6">
      <t>ホイクエン</t>
    </rPh>
    <phoneticPr fontId="1"/>
  </si>
  <si>
    <t>大庭保育園</t>
    <rPh sb="0" eb="2">
      <t>オオバ</t>
    </rPh>
    <rPh sb="2" eb="5">
      <t>ホ</t>
    </rPh>
    <phoneticPr fontId="1"/>
  </si>
  <si>
    <t>高谷保育園</t>
    <rPh sb="0" eb="2">
      <t>タカヤ</t>
    </rPh>
    <rPh sb="2" eb="5">
      <t>ホ</t>
    </rPh>
    <phoneticPr fontId="1"/>
  </si>
  <si>
    <t>ときわぎ保育園</t>
    <rPh sb="4" eb="7">
      <t>ホイクエン</t>
    </rPh>
    <phoneticPr fontId="1"/>
  </si>
  <si>
    <t>すくすく保育園</t>
    <rPh sb="4" eb="7">
      <t>ホイクエン</t>
    </rPh>
    <phoneticPr fontId="1"/>
  </si>
  <si>
    <t>小田原市</t>
    <rPh sb="0" eb="4">
      <t>オ</t>
    </rPh>
    <phoneticPr fontId="1"/>
  </si>
  <si>
    <t>中郡二宮町百合ヶ丘3-63</t>
    <rPh sb="0" eb="1">
      <t>ナカ</t>
    </rPh>
    <rPh sb="1" eb="2">
      <t>グン</t>
    </rPh>
    <rPh sb="2" eb="4">
      <t>ニノミヤ</t>
    </rPh>
    <rPh sb="4" eb="5">
      <t>マチ</t>
    </rPh>
    <rPh sb="5" eb="9">
      <t>ユリガオカ</t>
    </rPh>
    <phoneticPr fontId="1"/>
  </si>
  <si>
    <t>みちる愛児園</t>
    <rPh sb="3" eb="5">
      <t>アイジ</t>
    </rPh>
    <rPh sb="5" eb="6">
      <t>エン</t>
    </rPh>
    <phoneticPr fontId="1"/>
  </si>
  <si>
    <t>下和田保育園</t>
    <rPh sb="0" eb="1">
      <t>シモ</t>
    </rPh>
    <rPh sb="1" eb="3">
      <t>ワダ</t>
    </rPh>
    <rPh sb="3" eb="6">
      <t>ホイクエン</t>
    </rPh>
    <phoneticPr fontId="1"/>
  </si>
  <si>
    <t>伊勢原市栗窪210-1</t>
    <rPh sb="4" eb="5">
      <t>クリ</t>
    </rPh>
    <rPh sb="5" eb="6">
      <t>クボ</t>
    </rPh>
    <phoneticPr fontId="1"/>
  </si>
  <si>
    <t>あゆのこ保育園</t>
    <rPh sb="4" eb="7">
      <t>ホイクエン</t>
    </rPh>
    <phoneticPr fontId="1"/>
  </si>
  <si>
    <t>十六山保育園</t>
    <rPh sb="0" eb="2">
      <t>ジュウロク</t>
    </rPh>
    <rPh sb="2" eb="3">
      <t>ヤマ</t>
    </rPh>
    <rPh sb="3" eb="6">
      <t>ホイクエン</t>
    </rPh>
    <phoneticPr fontId="1"/>
  </si>
  <si>
    <t>253-0087</t>
  </si>
  <si>
    <t>0467-85-5560</t>
  </si>
  <si>
    <t>萩園愛児園</t>
  </si>
  <si>
    <t>モニカ保育園</t>
  </si>
  <si>
    <t>242-0003</t>
  </si>
  <si>
    <t>茅ヶ崎市</t>
    <rPh sb="0" eb="4">
      <t>チ</t>
    </rPh>
    <phoneticPr fontId="1"/>
  </si>
  <si>
    <t>みやのうえ保育園</t>
    <rPh sb="5" eb="8">
      <t>ホイクエン</t>
    </rPh>
    <phoneticPr fontId="1"/>
  </si>
  <si>
    <t>八雲保育園</t>
    <rPh sb="0" eb="1">
      <t>ヤ</t>
    </rPh>
    <rPh sb="1" eb="2">
      <t>クモ</t>
    </rPh>
    <rPh sb="2" eb="5">
      <t>ホイクエン</t>
    </rPh>
    <phoneticPr fontId="1"/>
  </si>
  <si>
    <t>0463-21-9122</t>
  </si>
  <si>
    <t>愛川町</t>
    <rPh sb="0" eb="3">
      <t>アイカワマチ</t>
    </rPh>
    <phoneticPr fontId="1"/>
  </si>
  <si>
    <t>半原保育園</t>
    <rPh sb="0" eb="1">
      <t>ハン</t>
    </rPh>
    <rPh sb="1" eb="2">
      <t>ハラ</t>
    </rPh>
    <rPh sb="2" eb="5">
      <t>ホイクエン</t>
    </rPh>
    <phoneticPr fontId="1"/>
  </si>
  <si>
    <t>愛甲郡愛川町半原4495-1</t>
    <rPh sb="0" eb="3">
      <t>アイコウグン</t>
    </rPh>
    <rPh sb="3" eb="6">
      <t>アイカワマチ</t>
    </rPh>
    <rPh sb="6" eb="7">
      <t>ハン</t>
    </rPh>
    <rPh sb="7" eb="8">
      <t>ハラ</t>
    </rPh>
    <phoneticPr fontId="1"/>
  </si>
  <si>
    <t>田代保育園</t>
    <rPh sb="0" eb="2">
      <t>タシロ</t>
    </rPh>
    <rPh sb="2" eb="5">
      <t>ホイクエン</t>
    </rPh>
    <phoneticPr fontId="1"/>
  </si>
  <si>
    <t>253-0071</t>
  </si>
  <si>
    <t>0467-86-5894</t>
  </si>
  <si>
    <t>253-0061</t>
  </si>
  <si>
    <t>0467-82-4441</t>
  </si>
  <si>
    <t>253-0034</t>
  </si>
  <si>
    <t>0467-86-0147</t>
  </si>
  <si>
    <t>松が丘保育園</t>
  </si>
  <si>
    <t>0467-86-5895</t>
  </si>
  <si>
    <t>青和保育園</t>
  </si>
  <si>
    <t>253-0065</t>
  </si>
  <si>
    <t>0467-82-1777</t>
  </si>
  <si>
    <t>松林保育園</t>
  </si>
  <si>
    <t>253-0012</t>
  </si>
  <si>
    <t>0467-52-5560</t>
  </si>
  <si>
    <t>十間坂保育園</t>
  </si>
  <si>
    <t>253-0045</t>
  </si>
  <si>
    <t>0467-87-1256</t>
  </si>
  <si>
    <t>西久保保育園</t>
  </si>
  <si>
    <t>253-0083</t>
  </si>
  <si>
    <t>0467-87-0311</t>
  </si>
  <si>
    <t>芹沢保育園</t>
  </si>
  <si>
    <t>253-0008</t>
  </si>
  <si>
    <t>0467-51-3669</t>
  </si>
  <si>
    <t>城ヶ島保育園</t>
    <rPh sb="0" eb="3">
      <t>ジョウガシマ</t>
    </rPh>
    <rPh sb="3" eb="6">
      <t>ホイクエン</t>
    </rPh>
    <phoneticPr fontId="1"/>
  </si>
  <si>
    <t>秦野市</t>
    <rPh sb="0" eb="3">
      <t>ハダノシ</t>
    </rPh>
    <phoneticPr fontId="1"/>
  </si>
  <si>
    <t>南秦野保育園</t>
    <rPh sb="0" eb="1">
      <t>ミナミ</t>
    </rPh>
    <rPh sb="1" eb="3">
      <t>ハダノ</t>
    </rPh>
    <rPh sb="3" eb="6">
      <t>ホイクエン</t>
    </rPh>
    <phoneticPr fontId="1"/>
  </si>
  <si>
    <t>三浦市初声町高円坊395-1</t>
    <rPh sb="0" eb="3">
      <t>ミウラシ</t>
    </rPh>
    <rPh sb="3" eb="4">
      <t>ハツ</t>
    </rPh>
    <rPh sb="4" eb="5">
      <t>セイ</t>
    </rPh>
    <rPh sb="5" eb="6">
      <t>チョウ</t>
    </rPh>
    <rPh sb="6" eb="7">
      <t>コウ</t>
    </rPh>
    <rPh sb="7" eb="8">
      <t>エン</t>
    </rPh>
    <rPh sb="8" eb="9">
      <t>ボウ</t>
    </rPh>
    <phoneticPr fontId="1"/>
  </si>
  <si>
    <t>若木保育園</t>
    <rPh sb="0" eb="2">
      <t>ワカギ</t>
    </rPh>
    <rPh sb="2" eb="5">
      <t>ホイクエン</t>
    </rPh>
    <phoneticPr fontId="1"/>
  </si>
  <si>
    <t>高山保育園</t>
    <rPh sb="0" eb="2">
      <t>タカヤマ</t>
    </rPh>
    <rPh sb="2" eb="5">
      <t>ホ</t>
    </rPh>
    <phoneticPr fontId="1"/>
  </si>
  <si>
    <t>南原保育園</t>
    <rPh sb="0" eb="2">
      <t>ナンバラ</t>
    </rPh>
    <rPh sb="2" eb="5">
      <t>ホ</t>
    </rPh>
    <phoneticPr fontId="1"/>
  </si>
  <si>
    <t>あゆみ会</t>
    <rPh sb="3" eb="4">
      <t>カイ</t>
    </rPh>
    <phoneticPr fontId="1"/>
  </si>
  <si>
    <t>夕陽ヶ丘保育園</t>
    <rPh sb="0" eb="2">
      <t>ユウヒ</t>
    </rPh>
    <rPh sb="3" eb="4">
      <t>オカ</t>
    </rPh>
    <rPh sb="4" eb="7">
      <t>ホ</t>
    </rPh>
    <phoneticPr fontId="1"/>
  </si>
  <si>
    <t>いずみ保育園</t>
    <rPh sb="3" eb="6">
      <t>ホ</t>
    </rPh>
    <phoneticPr fontId="1"/>
  </si>
  <si>
    <t>富士見保育園</t>
    <rPh sb="0" eb="3">
      <t>フジミ</t>
    </rPh>
    <rPh sb="3" eb="6">
      <t>ホ</t>
    </rPh>
    <phoneticPr fontId="1"/>
  </si>
  <si>
    <t>栗の実保育園</t>
    <rPh sb="0" eb="1">
      <t>クリ</t>
    </rPh>
    <rPh sb="2" eb="3">
      <t>ミ</t>
    </rPh>
    <rPh sb="3" eb="6">
      <t>ホイクエン</t>
    </rPh>
    <phoneticPr fontId="1"/>
  </si>
  <si>
    <t>真土すばる保育園</t>
    <rPh sb="0" eb="2">
      <t>シンド</t>
    </rPh>
    <rPh sb="5" eb="8">
      <t>ホ</t>
    </rPh>
    <phoneticPr fontId="1"/>
  </si>
  <si>
    <t>おとぎ保育園</t>
    <rPh sb="3" eb="6">
      <t>ホイクエン</t>
    </rPh>
    <phoneticPr fontId="1"/>
  </si>
  <si>
    <t>高座郡寒川町宮山2194</t>
    <rPh sb="0" eb="2">
      <t>コウザ</t>
    </rPh>
    <rPh sb="2" eb="3">
      <t>グン</t>
    </rPh>
    <rPh sb="3" eb="6">
      <t>サムカワマチ</t>
    </rPh>
    <rPh sb="6" eb="8">
      <t>ミヤヤマ</t>
    </rPh>
    <phoneticPr fontId="1"/>
  </si>
  <si>
    <t>横内保育園</t>
    <rPh sb="0" eb="2">
      <t>ヨコウチ</t>
    </rPh>
    <rPh sb="2" eb="5">
      <t>ホ</t>
    </rPh>
    <phoneticPr fontId="1"/>
  </si>
  <si>
    <t>つぼみ保育園</t>
  </si>
  <si>
    <t>252-1103</t>
  </si>
  <si>
    <t>0467-78-0641</t>
  </si>
  <si>
    <t>鎌倉市腰越5-11-17</t>
    <rPh sb="0" eb="3">
      <t>カマクラシ</t>
    </rPh>
    <rPh sb="3" eb="4">
      <t>コシ</t>
    </rPh>
    <rPh sb="4" eb="5">
      <t>ゴ</t>
    </rPh>
    <phoneticPr fontId="1"/>
  </si>
  <si>
    <t>小田原愛児園</t>
    <rPh sb="0" eb="3">
      <t>オ</t>
    </rPh>
    <rPh sb="3" eb="5">
      <t>アイジ</t>
    </rPh>
    <rPh sb="5" eb="6">
      <t>エン</t>
    </rPh>
    <phoneticPr fontId="1"/>
  </si>
  <si>
    <t>小田原乳児園</t>
    <rPh sb="0" eb="3">
      <t>オ</t>
    </rPh>
    <rPh sb="3" eb="6">
      <t>ニュウジエン</t>
    </rPh>
    <phoneticPr fontId="1"/>
  </si>
  <si>
    <t>国府津保育園</t>
    <rPh sb="0" eb="3">
      <t>コウヅ</t>
    </rPh>
    <rPh sb="3" eb="6">
      <t>ホ</t>
    </rPh>
    <phoneticPr fontId="1"/>
  </si>
  <si>
    <t>藤沢市</t>
    <rPh sb="0" eb="3">
      <t>フジサワシ</t>
    </rPh>
    <phoneticPr fontId="1"/>
  </si>
  <si>
    <t>あずま保育園</t>
    <rPh sb="3" eb="6">
      <t>ホ</t>
    </rPh>
    <phoneticPr fontId="1"/>
  </si>
  <si>
    <t>　　　　　※1　施設長のうち、（　）記載は保育所分園の代表者・責任者。
　　　　　※2　定員のうち、分園の（　）標記分は中心園の定員に含む。　　　　</t>
    <rPh sb="44" eb="46">
      <t>テイイン</t>
    </rPh>
    <rPh sb="50" eb="52">
      <t>ブンエン</t>
    </rPh>
    <rPh sb="56" eb="58">
      <t>ヒョウキ</t>
    </rPh>
    <rPh sb="58" eb="59">
      <t>ブン</t>
    </rPh>
    <rPh sb="60" eb="62">
      <t>チュウシン</t>
    </rPh>
    <rPh sb="62" eb="63">
      <t>エン</t>
    </rPh>
    <rPh sb="64" eb="66">
      <t>テイイン</t>
    </rPh>
    <rPh sb="67" eb="68">
      <t>フク</t>
    </rPh>
    <phoneticPr fontId="1"/>
  </si>
  <si>
    <t>藤沢市</t>
    <rPh sb="0" eb="3">
      <t>フ</t>
    </rPh>
    <phoneticPr fontId="1"/>
  </si>
  <si>
    <t>桜井保育園</t>
    <rPh sb="0" eb="2">
      <t>サクライ</t>
    </rPh>
    <rPh sb="2" eb="5">
      <t>ホ</t>
    </rPh>
    <phoneticPr fontId="1"/>
  </si>
  <si>
    <t>下曽我保育園</t>
    <rPh sb="0" eb="3">
      <t>シモソガ</t>
    </rPh>
    <rPh sb="3" eb="6">
      <t>ホ</t>
    </rPh>
    <phoneticPr fontId="1"/>
  </si>
  <si>
    <t>茅ヶ崎こども園</t>
    <rPh sb="0" eb="3">
      <t>チガサキ</t>
    </rPh>
    <phoneticPr fontId="1"/>
  </si>
  <si>
    <t>木之花保育園</t>
  </si>
  <si>
    <t>柄沢保育園</t>
    <rPh sb="0" eb="2">
      <t>カラサワ</t>
    </rPh>
    <rPh sb="2" eb="5">
      <t>ホ</t>
    </rPh>
    <phoneticPr fontId="1"/>
  </si>
  <si>
    <t>しぶやがはら保育園</t>
    <rPh sb="6" eb="9">
      <t>ホ</t>
    </rPh>
    <phoneticPr fontId="1"/>
  </si>
  <si>
    <t>遠藤保育園</t>
    <rPh sb="0" eb="2">
      <t>エンドウ</t>
    </rPh>
    <rPh sb="2" eb="5">
      <t>ホ</t>
    </rPh>
    <phoneticPr fontId="1"/>
  </si>
  <si>
    <t>神田保育園</t>
    <rPh sb="0" eb="2">
      <t>カンダ</t>
    </rPh>
    <rPh sb="2" eb="5">
      <t>ホ</t>
    </rPh>
    <phoneticPr fontId="1"/>
  </si>
  <si>
    <t>吉沢保育園</t>
    <rPh sb="0" eb="2">
      <t>ヨシザワ</t>
    </rPh>
    <rPh sb="2" eb="5">
      <t>ホ</t>
    </rPh>
    <phoneticPr fontId="1"/>
  </si>
  <si>
    <t>しらさぎ保育園</t>
    <rPh sb="4" eb="7">
      <t>ホ</t>
    </rPh>
    <phoneticPr fontId="1"/>
  </si>
  <si>
    <t>平塚市</t>
    <rPh sb="0" eb="3">
      <t>ヒラツカシ</t>
    </rPh>
    <phoneticPr fontId="1"/>
  </si>
  <si>
    <t>平塚市上吉沢331</t>
    <rPh sb="3" eb="4">
      <t>カミ</t>
    </rPh>
    <rPh sb="4" eb="6">
      <t>ヨシザワ</t>
    </rPh>
    <phoneticPr fontId="1"/>
  </si>
  <si>
    <t>平塚市東中原2-14-2</t>
    <rPh sb="3" eb="4">
      <t>ヒガシ</t>
    </rPh>
    <rPh sb="4" eb="6">
      <t>ナカハラ</t>
    </rPh>
    <phoneticPr fontId="1"/>
  </si>
  <si>
    <t>平塚市南原1-5-3</t>
    <rPh sb="3" eb="5">
      <t>ナンバラ</t>
    </rPh>
    <phoneticPr fontId="1"/>
  </si>
  <si>
    <t>平塚市夕陽ヶ丘10-7</t>
    <rPh sb="3" eb="5">
      <t>ユウヒ</t>
    </rPh>
    <rPh sb="6" eb="7">
      <t>オカ</t>
    </rPh>
    <phoneticPr fontId="1"/>
  </si>
  <si>
    <t>平塚市横内2401</t>
    <rPh sb="3" eb="5">
      <t>ヨコウチ</t>
    </rPh>
    <phoneticPr fontId="1"/>
  </si>
  <si>
    <t>平塚市大神2056</t>
    <rPh sb="3" eb="5">
      <t>オオガミ</t>
    </rPh>
    <phoneticPr fontId="1"/>
  </si>
  <si>
    <t>平塚市明石町15-16</t>
    <rPh sb="3" eb="5">
      <t>アカシ</t>
    </rPh>
    <rPh sb="5" eb="6">
      <t>マチ</t>
    </rPh>
    <phoneticPr fontId="1"/>
  </si>
  <si>
    <t>平塚市立野町31-24</t>
    <rPh sb="3" eb="5">
      <t>タツノ</t>
    </rPh>
    <rPh sb="5" eb="6">
      <t>マチ</t>
    </rPh>
    <phoneticPr fontId="1"/>
  </si>
  <si>
    <t>平塚市河内310</t>
    <rPh sb="3" eb="5">
      <t>カワウチ</t>
    </rPh>
    <phoneticPr fontId="1"/>
  </si>
  <si>
    <t>平塚市万田476</t>
    <rPh sb="3" eb="5">
      <t>マンダ</t>
    </rPh>
    <phoneticPr fontId="1"/>
  </si>
  <si>
    <t>平塚市平塚5-22-50</t>
    <rPh sb="3" eb="5">
      <t>ヒラツカ</t>
    </rPh>
    <phoneticPr fontId="1"/>
  </si>
  <si>
    <t>平塚市高村209</t>
    <rPh sb="3" eb="5">
      <t>タカムラ</t>
    </rPh>
    <phoneticPr fontId="1"/>
  </si>
  <si>
    <t>愛甲郡清川村煤ヶ谷2140-10</t>
    <phoneticPr fontId="1"/>
  </si>
  <si>
    <t>243-0112</t>
    <phoneticPr fontId="1"/>
  </si>
  <si>
    <t>平塚市宮の前4-13</t>
    <rPh sb="3" eb="4">
      <t>ミヤ</t>
    </rPh>
    <rPh sb="5" eb="6">
      <t>マエ</t>
    </rPh>
    <phoneticPr fontId="1"/>
  </si>
  <si>
    <t>平塚市平塚4-20-1</t>
    <rPh sb="3" eb="5">
      <t>ヒラツカ</t>
    </rPh>
    <phoneticPr fontId="1"/>
  </si>
  <si>
    <t>平塚市四之宮2－14－3</t>
    <rPh sb="3" eb="6">
      <t>シノミヤ</t>
    </rPh>
    <phoneticPr fontId="1"/>
  </si>
  <si>
    <t>平塚市横内3824</t>
    <rPh sb="3" eb="5">
      <t>ヨコウチ</t>
    </rPh>
    <phoneticPr fontId="1"/>
  </si>
  <si>
    <t>平塚市根坂間737-2</t>
    <rPh sb="3" eb="4">
      <t>ネ</t>
    </rPh>
    <rPh sb="4" eb="5">
      <t>サカ</t>
    </rPh>
    <rPh sb="5" eb="6">
      <t>マ</t>
    </rPh>
    <phoneticPr fontId="1"/>
  </si>
  <si>
    <t>つかはら
ちびっこ共育園</t>
    <rPh sb="9" eb="12">
      <t>キョウイクエン</t>
    </rPh>
    <phoneticPr fontId="1"/>
  </si>
  <si>
    <t>平塚市岡崎449-2</t>
    <rPh sb="3" eb="5">
      <t>オカザキ</t>
    </rPh>
    <phoneticPr fontId="1"/>
  </si>
  <si>
    <t>ときわぎ保育園分園</t>
    <rPh sb="4" eb="7">
      <t>ホイクエン</t>
    </rPh>
    <rPh sb="7" eb="9">
      <t>ブンエン</t>
    </rPh>
    <phoneticPr fontId="1"/>
  </si>
  <si>
    <t>藤沢市円行2-10-5</t>
    <rPh sb="3" eb="4">
      <t>エン</t>
    </rPh>
    <rPh sb="4" eb="5">
      <t>ギョウ</t>
    </rPh>
    <phoneticPr fontId="1"/>
  </si>
  <si>
    <t>平塚市南豊田301-1</t>
    <rPh sb="3" eb="4">
      <t>ミナミ</t>
    </rPh>
    <rPh sb="4" eb="6">
      <t>トヨタ</t>
    </rPh>
    <phoneticPr fontId="1"/>
  </si>
  <si>
    <t>平塚市花水台12-28</t>
    <rPh sb="3" eb="6">
      <t>ハナミズダイ</t>
    </rPh>
    <phoneticPr fontId="1"/>
  </si>
  <si>
    <t>平塚市代官町19－27</t>
    <rPh sb="3" eb="5">
      <t>ダイカン</t>
    </rPh>
    <rPh sb="5" eb="6">
      <t>チョウ</t>
    </rPh>
    <phoneticPr fontId="1"/>
  </si>
  <si>
    <t>平塚市西真土3-22-39</t>
    <rPh sb="3" eb="4">
      <t>ニシ</t>
    </rPh>
    <rPh sb="4" eb="5">
      <t>マ</t>
    </rPh>
    <rPh sb="5" eb="6">
      <t>ツチ</t>
    </rPh>
    <phoneticPr fontId="1"/>
  </si>
  <si>
    <t>平塚市中堂8-10</t>
    <rPh sb="3" eb="5">
      <t>チュウドウ</t>
    </rPh>
    <phoneticPr fontId="1"/>
  </si>
  <si>
    <t>社会福祉法人</t>
    <rPh sb="0" eb="2">
      <t>シャカイ</t>
    </rPh>
    <rPh sb="2" eb="4">
      <t>フクシ</t>
    </rPh>
    <rPh sb="4" eb="6">
      <t>ホウジン</t>
    </rPh>
    <phoneticPr fontId="1"/>
  </si>
  <si>
    <t>旭福祉会</t>
    <rPh sb="0" eb="1">
      <t>アサヒ</t>
    </rPh>
    <rPh sb="1" eb="4">
      <t>フクシカイ</t>
    </rPh>
    <phoneticPr fontId="1"/>
  </si>
  <si>
    <t>進和学園</t>
    <rPh sb="0" eb="1">
      <t>シン</t>
    </rPh>
    <rPh sb="1" eb="2">
      <t>ワカイ</t>
    </rPh>
    <rPh sb="2" eb="4">
      <t>ガクエン</t>
    </rPh>
    <phoneticPr fontId="1"/>
  </si>
  <si>
    <t>浜岳福祉会</t>
    <rPh sb="0" eb="1">
      <t>ハマ</t>
    </rPh>
    <rPh sb="1" eb="2">
      <t>ガク</t>
    </rPh>
    <rPh sb="2" eb="5">
      <t>フクシカイ</t>
    </rPh>
    <phoneticPr fontId="1"/>
  </si>
  <si>
    <t>大野福祉会</t>
    <rPh sb="0" eb="2">
      <t>オオノ</t>
    </rPh>
    <rPh sb="2" eb="5">
      <t>フクシカイ</t>
    </rPh>
    <phoneticPr fontId="1"/>
  </si>
  <si>
    <t>岡崎福祉会</t>
    <rPh sb="0" eb="2">
      <t>オカザキ</t>
    </rPh>
    <rPh sb="2" eb="5">
      <t>フクシカイ</t>
    </rPh>
    <phoneticPr fontId="1"/>
  </si>
  <si>
    <t>中原福祉会</t>
    <rPh sb="0" eb="2">
      <t>ナカハラ</t>
    </rPh>
    <rPh sb="2" eb="5">
      <t>フクシカイ</t>
    </rPh>
    <phoneticPr fontId="1"/>
  </si>
  <si>
    <t>徳栄会</t>
    <rPh sb="0" eb="1">
      <t>トク</t>
    </rPh>
    <rPh sb="1" eb="2">
      <t>エイ</t>
    </rPh>
    <rPh sb="2" eb="3">
      <t>カイ</t>
    </rPh>
    <phoneticPr fontId="1"/>
  </si>
  <si>
    <t>真幸会</t>
    <rPh sb="0" eb="1">
      <t>シン</t>
    </rPh>
    <rPh sb="1" eb="2">
      <t>コウ</t>
    </rPh>
    <rPh sb="2" eb="3">
      <t>カイ</t>
    </rPh>
    <phoneticPr fontId="1"/>
  </si>
  <si>
    <t>惠伸会</t>
    <rPh sb="0" eb="1">
      <t>メグミ</t>
    </rPh>
    <rPh sb="1" eb="2">
      <t>ノ</t>
    </rPh>
    <rPh sb="2" eb="3">
      <t>カイ</t>
    </rPh>
    <phoneticPr fontId="1"/>
  </si>
  <si>
    <t>鎌倉新しい芽の会</t>
    <rPh sb="0" eb="2">
      <t>カ</t>
    </rPh>
    <rPh sb="2" eb="3">
      <t>アタラ</t>
    </rPh>
    <rPh sb="5" eb="6">
      <t>メ</t>
    </rPh>
    <rPh sb="7" eb="8">
      <t>カイ</t>
    </rPh>
    <phoneticPr fontId="1"/>
  </si>
  <si>
    <t>カリタスの園</t>
    <rPh sb="5" eb="6">
      <t>エン</t>
    </rPh>
    <phoneticPr fontId="1"/>
  </si>
  <si>
    <t>富士愛育会</t>
    <rPh sb="0" eb="2">
      <t>フジ</t>
    </rPh>
    <rPh sb="2" eb="3">
      <t>アイジ</t>
    </rPh>
    <rPh sb="3" eb="4">
      <t>イク</t>
    </rPh>
    <rPh sb="4" eb="5">
      <t>カイ</t>
    </rPh>
    <phoneticPr fontId="1"/>
  </si>
  <si>
    <t>清心会</t>
    <rPh sb="0" eb="2">
      <t>セイシン</t>
    </rPh>
    <rPh sb="2" eb="3">
      <t>カイ</t>
    </rPh>
    <phoneticPr fontId="1"/>
  </si>
  <si>
    <t>こばと会</t>
    <rPh sb="3" eb="4">
      <t>カイ</t>
    </rPh>
    <phoneticPr fontId="1"/>
  </si>
  <si>
    <t>つきかげ会</t>
    <rPh sb="4" eb="5">
      <t>カイ</t>
    </rPh>
    <phoneticPr fontId="1"/>
  </si>
  <si>
    <t>鎌倉たんぽぽ会</t>
    <rPh sb="0" eb="2">
      <t>カマクラ</t>
    </rPh>
    <rPh sb="6" eb="7">
      <t>カイ</t>
    </rPh>
    <phoneticPr fontId="1"/>
  </si>
  <si>
    <t>六会･遠藤福祉会</t>
    <rPh sb="0" eb="2">
      <t>ムツアイ</t>
    </rPh>
    <rPh sb="3" eb="5">
      <t>エンドウ</t>
    </rPh>
    <rPh sb="5" eb="7">
      <t>フクシ</t>
    </rPh>
    <rPh sb="7" eb="8">
      <t>カイ</t>
    </rPh>
    <phoneticPr fontId="1"/>
  </si>
  <si>
    <t>湘南杉の子福祉会</t>
    <rPh sb="0" eb="2">
      <t>ショウナン</t>
    </rPh>
    <rPh sb="2" eb="3">
      <t>スギ</t>
    </rPh>
    <rPh sb="4" eb="5">
      <t>コ</t>
    </rPh>
    <rPh sb="5" eb="8">
      <t>フクシカイ</t>
    </rPh>
    <phoneticPr fontId="1"/>
  </si>
  <si>
    <t>葵福祉会</t>
    <rPh sb="0" eb="1">
      <t>アオイ</t>
    </rPh>
    <rPh sb="1" eb="4">
      <t>フクシカイ</t>
    </rPh>
    <phoneticPr fontId="1"/>
  </si>
  <si>
    <t>一石会</t>
    <rPh sb="0" eb="2">
      <t>イッセキ</t>
    </rPh>
    <rPh sb="2" eb="3">
      <t>カイ</t>
    </rPh>
    <phoneticPr fontId="1"/>
  </si>
  <si>
    <t>二葉福祉会</t>
    <rPh sb="0" eb="2">
      <t>フタバ</t>
    </rPh>
    <rPh sb="2" eb="5">
      <t>フクシカイ</t>
    </rPh>
    <phoneticPr fontId="1"/>
  </si>
  <si>
    <t>紫苑会</t>
    <rPh sb="0" eb="2">
      <t>シオン</t>
    </rPh>
    <rPh sb="2" eb="3">
      <t>カイ</t>
    </rPh>
    <phoneticPr fontId="1"/>
  </si>
  <si>
    <t>湘南児童福祉会</t>
    <rPh sb="0" eb="2">
      <t>ショウナン</t>
    </rPh>
    <rPh sb="2" eb="4">
      <t>ジドウ</t>
    </rPh>
    <rPh sb="4" eb="7">
      <t>フクシカイ</t>
    </rPh>
    <phoneticPr fontId="1"/>
  </si>
  <si>
    <t>真澄児童福祉会</t>
    <rPh sb="0" eb="2">
      <t>マスミ</t>
    </rPh>
    <rPh sb="2" eb="4">
      <t>ジドウ</t>
    </rPh>
    <rPh sb="4" eb="7">
      <t>フクシカイ</t>
    </rPh>
    <phoneticPr fontId="1"/>
  </si>
  <si>
    <t>わかたけ福祉協会</t>
    <rPh sb="4" eb="6">
      <t>フクシ</t>
    </rPh>
    <rPh sb="6" eb="8">
      <t>キョウカイ</t>
    </rPh>
    <phoneticPr fontId="1"/>
  </si>
  <si>
    <t>藤葉福祉会</t>
    <rPh sb="0" eb="1">
      <t>フジ</t>
    </rPh>
    <rPh sb="1" eb="2">
      <t>ハ</t>
    </rPh>
    <rPh sb="2" eb="5">
      <t>フクシカイ</t>
    </rPh>
    <phoneticPr fontId="1"/>
  </si>
  <si>
    <t>みどり児童福祉会</t>
    <rPh sb="3" eb="5">
      <t>ジドウ</t>
    </rPh>
    <rPh sb="5" eb="8">
      <t>フクシカイ</t>
    </rPh>
    <phoneticPr fontId="1"/>
  </si>
  <si>
    <t>めぐみ福祉会</t>
    <rPh sb="3" eb="6">
      <t>フクシカイ</t>
    </rPh>
    <phoneticPr fontId="1"/>
  </si>
  <si>
    <t>高谷福祉会</t>
    <rPh sb="0" eb="2">
      <t>タカヤ</t>
    </rPh>
    <rPh sb="2" eb="5">
      <t>フクシカイ</t>
    </rPh>
    <phoneticPr fontId="1"/>
  </si>
  <si>
    <t>俊幸福祉会</t>
    <rPh sb="0" eb="1">
      <t>トシ</t>
    </rPh>
    <rPh sb="1" eb="2">
      <t>サチ</t>
    </rPh>
    <rPh sb="2" eb="5">
      <t>フクシカイ</t>
    </rPh>
    <phoneticPr fontId="1"/>
  </si>
  <si>
    <t>伸こう福祉会</t>
    <rPh sb="0" eb="1">
      <t>シン</t>
    </rPh>
    <rPh sb="3" eb="5">
      <t>フクシ</t>
    </rPh>
    <rPh sb="5" eb="6">
      <t>カイ</t>
    </rPh>
    <phoneticPr fontId="1"/>
  </si>
  <si>
    <t>宝安寺社会事業部</t>
    <rPh sb="0" eb="1">
      <t>ホウ</t>
    </rPh>
    <rPh sb="1" eb="2">
      <t>アン</t>
    </rPh>
    <rPh sb="2" eb="3">
      <t>ジ</t>
    </rPh>
    <rPh sb="3" eb="5">
      <t>シャカイ</t>
    </rPh>
    <rPh sb="5" eb="8">
      <t>ジギョウブ</t>
    </rPh>
    <phoneticPr fontId="1"/>
  </si>
  <si>
    <t>国府津保育園会</t>
    <rPh sb="0" eb="3">
      <t>コウヅ</t>
    </rPh>
    <rPh sb="3" eb="6">
      <t>ホ</t>
    </rPh>
    <rPh sb="6" eb="7">
      <t>カイ</t>
    </rPh>
    <phoneticPr fontId="1"/>
  </si>
  <si>
    <t>富水保育園</t>
    <rPh sb="0" eb="1">
      <t>トミ</t>
    </rPh>
    <rPh sb="1" eb="2">
      <t>ミズ</t>
    </rPh>
    <rPh sb="2" eb="5">
      <t>ホ</t>
    </rPh>
    <phoneticPr fontId="1"/>
  </si>
  <si>
    <t>泉会</t>
    <rPh sb="0" eb="1">
      <t>イズミ</t>
    </rPh>
    <rPh sb="1" eb="2">
      <t>カイ</t>
    </rPh>
    <phoneticPr fontId="1"/>
  </si>
  <si>
    <t>石塚愛育会</t>
    <rPh sb="0" eb="2">
      <t>イシヅカ</t>
    </rPh>
    <rPh sb="2" eb="4">
      <t>アイイク</t>
    </rPh>
    <rPh sb="4" eb="5">
      <t>カイ</t>
    </rPh>
    <phoneticPr fontId="1"/>
  </si>
  <si>
    <t>光明会</t>
    <rPh sb="0" eb="2">
      <t>コウミョウ</t>
    </rPh>
    <rPh sb="2" eb="3">
      <t>カイ</t>
    </rPh>
    <phoneticPr fontId="1"/>
  </si>
  <si>
    <t>みゆき愛児園</t>
    <rPh sb="3" eb="5">
      <t>アイジ</t>
    </rPh>
    <rPh sb="5" eb="6">
      <t>エン</t>
    </rPh>
    <phoneticPr fontId="1"/>
  </si>
  <si>
    <t>たちばな会</t>
  </si>
  <si>
    <t>ひまわり園</t>
  </si>
  <si>
    <t>茅ケ崎学園</t>
  </si>
  <si>
    <t>西久保福祉会</t>
  </si>
  <si>
    <t>芹沢福祉会</t>
  </si>
  <si>
    <t>ふたば会</t>
    <rPh sb="3" eb="4">
      <t>カイ</t>
    </rPh>
    <phoneticPr fontId="1"/>
  </si>
  <si>
    <t>つつじ会</t>
    <rPh sb="3" eb="4">
      <t>カイ</t>
    </rPh>
    <phoneticPr fontId="1"/>
  </si>
  <si>
    <t>三崎二葉会</t>
    <rPh sb="0" eb="2">
      <t>ミサキ</t>
    </rPh>
    <rPh sb="2" eb="4">
      <t>フタバ</t>
    </rPh>
    <rPh sb="4" eb="5">
      <t>カイ</t>
    </rPh>
    <phoneticPr fontId="1"/>
  </si>
  <si>
    <t>神奈川労働福祉協会</t>
    <rPh sb="0" eb="3">
      <t>カナガワ</t>
    </rPh>
    <rPh sb="3" eb="5">
      <t>ロウドウ</t>
    </rPh>
    <rPh sb="5" eb="7">
      <t>フクシ</t>
    </rPh>
    <rPh sb="7" eb="9">
      <t>キョウカイ</t>
    </rPh>
    <phoneticPr fontId="1"/>
  </si>
  <si>
    <t>藤沢市鵠沼藤が谷1-8-16</t>
  </si>
  <si>
    <t>259-1322</t>
  </si>
  <si>
    <t>259-1317</t>
  </si>
  <si>
    <t>259-1111</t>
  </si>
  <si>
    <t>259-1131</t>
  </si>
  <si>
    <t>259-1126</t>
  </si>
  <si>
    <t>259-1132</t>
  </si>
  <si>
    <t>259-1133</t>
  </si>
  <si>
    <t>259-1113</t>
  </si>
  <si>
    <t>259-1114</t>
  </si>
  <si>
    <t>259-1144</t>
  </si>
  <si>
    <t>252-1112</t>
  </si>
  <si>
    <t>252-1124</t>
  </si>
  <si>
    <t>大和市桜森3－5-25</t>
    <rPh sb="0" eb="3">
      <t>ヤマトシ</t>
    </rPh>
    <rPh sb="3" eb="4">
      <t>サクラ</t>
    </rPh>
    <rPh sb="4" eb="5">
      <t>モリ</t>
    </rPh>
    <phoneticPr fontId="1"/>
  </si>
  <si>
    <t>厚木市愛甲3-14-1</t>
    <rPh sb="3" eb="5">
      <t>アイコウ</t>
    </rPh>
    <phoneticPr fontId="1"/>
  </si>
  <si>
    <t>252-1123</t>
  </si>
  <si>
    <t>252-1136</t>
  </si>
  <si>
    <t>足柄上郡開成町吉田島2868-1</t>
  </si>
  <si>
    <t>なでしこ第2保育園</t>
    <rPh sb="4" eb="5">
      <t>ダイ</t>
    </rPh>
    <rPh sb="6" eb="9">
      <t>ホイクエン</t>
    </rPh>
    <phoneticPr fontId="1"/>
  </si>
  <si>
    <t>綾瀬市寺尾西1－13－1</t>
    <rPh sb="3" eb="6">
      <t>テラオニシ</t>
    </rPh>
    <phoneticPr fontId="1"/>
  </si>
  <si>
    <t>秦野市平沢1243－3</t>
    <rPh sb="3" eb="5">
      <t>ヒラサワ</t>
    </rPh>
    <phoneticPr fontId="1"/>
  </si>
  <si>
    <t>藤沢市藤沢145</t>
    <rPh sb="3" eb="5">
      <t>フジサワ</t>
    </rPh>
    <phoneticPr fontId="1"/>
  </si>
  <si>
    <t>大和市福田5-17-1</t>
    <rPh sb="3" eb="5">
      <t>フクダ</t>
    </rPh>
    <phoneticPr fontId="1"/>
  </si>
  <si>
    <t>足柄上郡大井町金子2854</t>
    <rPh sb="0" eb="4">
      <t>アシガラカミグン</t>
    </rPh>
    <rPh sb="4" eb="5">
      <t>オオ</t>
    </rPh>
    <rPh sb="5" eb="7">
      <t>ナカイマチ</t>
    </rPh>
    <rPh sb="7" eb="9">
      <t>カネコ</t>
    </rPh>
    <phoneticPr fontId="1"/>
  </si>
  <si>
    <t>足柄上郡開成町吉田島4198</t>
    <rPh sb="0" eb="4">
      <t>アシガラカミグン</t>
    </rPh>
    <rPh sb="4" eb="7">
      <t>カイセイマチ</t>
    </rPh>
    <rPh sb="7" eb="9">
      <t>ヨシダチョウ</t>
    </rPh>
    <rPh sb="9" eb="10">
      <t>シマ</t>
    </rPh>
    <phoneticPr fontId="1"/>
  </si>
  <si>
    <t>(30)</t>
    <phoneticPr fontId="1"/>
  </si>
  <si>
    <t>進和会</t>
    <rPh sb="0" eb="1">
      <t>シン</t>
    </rPh>
    <rPh sb="1" eb="2">
      <t>シンワ</t>
    </rPh>
    <rPh sb="2" eb="3">
      <t>カイ</t>
    </rPh>
    <phoneticPr fontId="1"/>
  </si>
  <si>
    <t>杏林福祉会</t>
    <rPh sb="0" eb="1">
      <t>アン</t>
    </rPh>
    <rPh sb="1" eb="2">
      <t>リン</t>
    </rPh>
    <rPh sb="2" eb="4">
      <t>フクシ</t>
    </rPh>
    <rPh sb="4" eb="5">
      <t>カイ</t>
    </rPh>
    <phoneticPr fontId="1"/>
  </si>
  <si>
    <t>みずほ会</t>
    <rPh sb="3" eb="4">
      <t>カイ</t>
    </rPh>
    <phoneticPr fontId="1"/>
  </si>
  <si>
    <t>六美会</t>
    <rPh sb="0" eb="1">
      <t>ム</t>
    </rPh>
    <rPh sb="1" eb="2">
      <t>ミ</t>
    </rPh>
    <rPh sb="2" eb="3">
      <t>カイ</t>
    </rPh>
    <phoneticPr fontId="1"/>
  </si>
  <si>
    <t>若木会</t>
    <rPh sb="0" eb="2">
      <t>ワカギ</t>
    </rPh>
    <rPh sb="2" eb="3">
      <t>カイ</t>
    </rPh>
    <phoneticPr fontId="1"/>
  </si>
  <si>
    <t>西湘福祉会</t>
    <rPh sb="0" eb="1">
      <t>セイ</t>
    </rPh>
    <rPh sb="1" eb="2">
      <t>ショウ</t>
    </rPh>
    <rPh sb="2" eb="4">
      <t>フクシ</t>
    </rPh>
    <rPh sb="4" eb="5">
      <t>カイ</t>
    </rPh>
    <phoneticPr fontId="1"/>
  </si>
  <si>
    <t>こひつじ愛児会</t>
    <rPh sb="4" eb="5">
      <t>アイ</t>
    </rPh>
    <rPh sb="5" eb="6">
      <t>ジ</t>
    </rPh>
    <rPh sb="6" eb="7">
      <t>カイ</t>
    </rPh>
    <phoneticPr fontId="1"/>
  </si>
  <si>
    <t>明石会</t>
    <rPh sb="0" eb="2">
      <t>アカシ</t>
    </rPh>
    <rPh sb="2" eb="3">
      <t>カイ</t>
    </rPh>
    <phoneticPr fontId="1"/>
  </si>
  <si>
    <t>進和会</t>
    <rPh sb="0" eb="1">
      <t>シン</t>
    </rPh>
    <rPh sb="1" eb="2">
      <t>ワ</t>
    </rPh>
    <rPh sb="2" eb="3">
      <t>カイ</t>
    </rPh>
    <phoneticPr fontId="1"/>
  </si>
  <si>
    <t>湘南福祉会</t>
    <rPh sb="0" eb="2">
      <t>ショウナン</t>
    </rPh>
    <phoneticPr fontId="1"/>
  </si>
  <si>
    <t>みどり会</t>
    <rPh sb="3" eb="4">
      <t>カイ</t>
    </rPh>
    <phoneticPr fontId="1"/>
  </si>
  <si>
    <t>三田福祉園</t>
    <rPh sb="0" eb="2">
      <t>ミタ</t>
    </rPh>
    <rPh sb="2" eb="4">
      <t>フクシ</t>
    </rPh>
    <rPh sb="4" eb="5">
      <t>エン</t>
    </rPh>
    <phoneticPr fontId="1"/>
  </si>
  <si>
    <t>南足柄市塚原2383</t>
    <rPh sb="4" eb="6">
      <t>ツカハラ</t>
    </rPh>
    <phoneticPr fontId="1"/>
  </si>
  <si>
    <t>松栄福祉会</t>
    <rPh sb="0" eb="1">
      <t>マツ</t>
    </rPh>
    <rPh sb="1" eb="2">
      <t>エイ</t>
    </rPh>
    <rPh sb="2" eb="4">
      <t>フクシ</t>
    </rPh>
    <rPh sb="4" eb="5">
      <t>カイ</t>
    </rPh>
    <phoneticPr fontId="1"/>
  </si>
  <si>
    <t>愛慈会</t>
    <rPh sb="0" eb="1">
      <t>アイ</t>
    </rPh>
    <rPh sb="1" eb="2">
      <t>ジ</t>
    </rPh>
    <rPh sb="2" eb="3">
      <t>カイ</t>
    </rPh>
    <phoneticPr fontId="1"/>
  </si>
  <si>
    <t>坂の上会</t>
    <rPh sb="0" eb="1">
      <t>サカ</t>
    </rPh>
    <rPh sb="2" eb="3">
      <t>オウエ</t>
    </rPh>
    <phoneticPr fontId="1"/>
  </si>
  <si>
    <t>敬和会</t>
  </si>
  <si>
    <t>敬和会</t>
    <rPh sb="0" eb="2">
      <t>ケイワ</t>
    </rPh>
    <phoneticPr fontId="1"/>
  </si>
  <si>
    <t>湘北福祉会</t>
    <rPh sb="0" eb="2">
      <t>ショウホク</t>
    </rPh>
    <rPh sb="2" eb="4">
      <t>フクシ</t>
    </rPh>
    <rPh sb="4" eb="5">
      <t>カイ</t>
    </rPh>
    <phoneticPr fontId="1"/>
  </si>
  <si>
    <t>新考会</t>
  </si>
  <si>
    <t>紫苑会</t>
    <rPh sb="0" eb="1">
      <t>シ</t>
    </rPh>
    <rPh sb="1" eb="2">
      <t>エン</t>
    </rPh>
    <rPh sb="2" eb="3">
      <t>カイ</t>
    </rPh>
    <phoneticPr fontId="1"/>
  </si>
  <si>
    <t>モニカ会</t>
  </si>
  <si>
    <t>幸童の会</t>
    <rPh sb="0" eb="1">
      <t>サチ</t>
    </rPh>
    <rPh sb="1" eb="2">
      <t>ドウ</t>
    </rPh>
    <rPh sb="3" eb="4">
      <t>カイ</t>
    </rPh>
    <phoneticPr fontId="1"/>
  </si>
  <si>
    <t>勇能福祉会</t>
    <rPh sb="0" eb="1">
      <t>ユウ</t>
    </rPh>
    <rPh sb="1" eb="2">
      <t>ノウ</t>
    </rPh>
    <rPh sb="2" eb="4">
      <t>フクシ</t>
    </rPh>
    <rPh sb="4" eb="5">
      <t>カイ</t>
    </rPh>
    <phoneticPr fontId="1"/>
  </si>
  <si>
    <t>優和会</t>
    <rPh sb="0" eb="1">
      <t>ユウ</t>
    </rPh>
    <rPh sb="1" eb="2">
      <t>ワ</t>
    </rPh>
    <phoneticPr fontId="1"/>
  </si>
  <si>
    <t>大原福祉会</t>
    <rPh sb="0" eb="2">
      <t>オオハラ</t>
    </rPh>
    <rPh sb="2" eb="4">
      <t>フクシ</t>
    </rPh>
    <rPh sb="4" eb="5">
      <t>カイ</t>
    </rPh>
    <phoneticPr fontId="1"/>
  </si>
  <si>
    <t>光が丘福祉会</t>
    <rPh sb="0" eb="3">
      <t>ヒカリガオカ</t>
    </rPh>
    <rPh sb="3" eb="5">
      <t>フクシ</t>
    </rPh>
    <rPh sb="5" eb="6">
      <t>カイ</t>
    </rPh>
    <phoneticPr fontId="1"/>
  </si>
  <si>
    <t>林台福祉会</t>
    <rPh sb="0" eb="1">
      <t>ハヤシ</t>
    </rPh>
    <rPh sb="1" eb="2">
      <t>ダイ</t>
    </rPh>
    <rPh sb="2" eb="4">
      <t>フクシ</t>
    </rPh>
    <rPh sb="4" eb="5">
      <t>カイ</t>
    </rPh>
    <phoneticPr fontId="1"/>
  </si>
  <si>
    <t>緑友会</t>
    <rPh sb="0" eb="1">
      <t>ミドリ</t>
    </rPh>
    <rPh sb="1" eb="2">
      <t>ユウ</t>
    </rPh>
    <rPh sb="2" eb="3">
      <t>カイ</t>
    </rPh>
    <phoneticPr fontId="1"/>
  </si>
  <si>
    <t>寿会</t>
    <rPh sb="0" eb="1">
      <t>コトブキ</t>
    </rPh>
    <rPh sb="1" eb="2">
      <t>カイ</t>
    </rPh>
    <phoneticPr fontId="1"/>
  </si>
  <si>
    <t>ケアネット</t>
  </si>
  <si>
    <t>高松児童福祉会</t>
    <rPh sb="0" eb="2">
      <t>タカマツ</t>
    </rPh>
    <rPh sb="2" eb="4">
      <t>ジドウ</t>
    </rPh>
    <rPh sb="4" eb="6">
      <t>フクシ</t>
    </rPh>
    <rPh sb="6" eb="7">
      <t>カイ</t>
    </rPh>
    <phoneticPr fontId="1"/>
  </si>
  <si>
    <t>光輪会</t>
    <rPh sb="0" eb="1">
      <t>コウ</t>
    </rPh>
    <rPh sb="1" eb="2">
      <t>リン</t>
    </rPh>
    <rPh sb="2" eb="3">
      <t>カイ</t>
    </rPh>
    <phoneticPr fontId="1"/>
  </si>
  <si>
    <t>あららぎ福祉会</t>
    <rPh sb="4" eb="6">
      <t>フクシ</t>
    </rPh>
    <rPh sb="6" eb="7">
      <t>カイ</t>
    </rPh>
    <phoneticPr fontId="1"/>
  </si>
  <si>
    <t>ひかり福祉会</t>
    <rPh sb="3" eb="5">
      <t>フクシ</t>
    </rPh>
    <rPh sb="5" eb="6">
      <t>カイ</t>
    </rPh>
    <phoneticPr fontId="1"/>
  </si>
  <si>
    <t>博栄福祉会</t>
    <rPh sb="0" eb="1">
      <t>ハク</t>
    </rPh>
    <rPh sb="1" eb="2">
      <t>エイ</t>
    </rPh>
    <rPh sb="2" eb="4">
      <t>フクシ</t>
    </rPh>
    <rPh sb="4" eb="5">
      <t>カイ</t>
    </rPh>
    <phoneticPr fontId="1"/>
  </si>
  <si>
    <t>西湘福祉会</t>
    <rPh sb="0" eb="1">
      <t>セイ</t>
    </rPh>
    <rPh sb="1" eb="2">
      <t>ショウ</t>
    </rPh>
    <rPh sb="2" eb="5">
      <t>フクシカイ</t>
    </rPh>
    <phoneticPr fontId="1"/>
  </si>
  <si>
    <t>仁誠会</t>
    <rPh sb="0" eb="1">
      <t>ジン</t>
    </rPh>
    <rPh sb="1" eb="2">
      <t>セイ</t>
    </rPh>
    <rPh sb="2" eb="3">
      <t>カイ</t>
    </rPh>
    <phoneticPr fontId="1"/>
  </si>
  <si>
    <t>唐池学園</t>
  </si>
  <si>
    <t>誠心福祉協会</t>
    <rPh sb="0" eb="2">
      <t>セイシン</t>
    </rPh>
    <rPh sb="2" eb="4">
      <t>フクシ</t>
    </rPh>
    <rPh sb="4" eb="6">
      <t>キョウカイ</t>
    </rPh>
    <phoneticPr fontId="1"/>
  </si>
  <si>
    <t>湘南児童福祉会</t>
    <rPh sb="0" eb="2">
      <t>ショウナン</t>
    </rPh>
    <rPh sb="2" eb="4">
      <t>ジドウ</t>
    </rPh>
    <rPh sb="4" eb="6">
      <t>フクシ</t>
    </rPh>
    <rPh sb="6" eb="7">
      <t>カイ</t>
    </rPh>
    <phoneticPr fontId="1"/>
  </si>
  <si>
    <t>惠伸会</t>
    <rPh sb="0" eb="1">
      <t>ケイ</t>
    </rPh>
    <rPh sb="1" eb="2">
      <t>シン</t>
    </rPh>
    <rPh sb="2" eb="3">
      <t>カイ</t>
    </rPh>
    <phoneticPr fontId="1"/>
  </si>
  <si>
    <t>寿考会</t>
    <rPh sb="0" eb="1">
      <t>ジュ</t>
    </rPh>
    <rPh sb="1" eb="2">
      <t>コウ</t>
    </rPh>
    <rPh sb="2" eb="3">
      <t>カイ</t>
    </rPh>
    <phoneticPr fontId="1"/>
  </si>
  <si>
    <t>知足会</t>
    <rPh sb="0" eb="1">
      <t>チ</t>
    </rPh>
    <rPh sb="1" eb="2">
      <t>ソク</t>
    </rPh>
    <rPh sb="2" eb="3">
      <t>カイ</t>
    </rPh>
    <phoneticPr fontId="1"/>
  </si>
  <si>
    <t>真和会</t>
  </si>
  <si>
    <t>育秀会</t>
    <rPh sb="0" eb="1">
      <t>イク</t>
    </rPh>
    <rPh sb="1" eb="2">
      <t>シュウ</t>
    </rPh>
    <rPh sb="2" eb="3">
      <t>カイ</t>
    </rPh>
    <phoneticPr fontId="1"/>
  </si>
  <si>
    <t>はぐくみ福祉会</t>
    <rPh sb="4" eb="6">
      <t>フクシ</t>
    </rPh>
    <rPh sb="6" eb="7">
      <t>カイ</t>
    </rPh>
    <phoneticPr fontId="1"/>
  </si>
  <si>
    <t>石田愛育会</t>
    <rPh sb="0" eb="2">
      <t>イシダ</t>
    </rPh>
    <rPh sb="2" eb="4">
      <t>アイイク</t>
    </rPh>
    <rPh sb="4" eb="5">
      <t>カイ</t>
    </rPh>
    <phoneticPr fontId="1"/>
  </si>
  <si>
    <t>吉沢学園</t>
    <rPh sb="0" eb="2">
      <t>ヨシザワ</t>
    </rPh>
    <rPh sb="2" eb="4">
      <t>ガクエン</t>
    </rPh>
    <phoneticPr fontId="1"/>
  </si>
  <si>
    <t>南毛利保育所分園</t>
    <rPh sb="0" eb="1">
      <t>ミナミ</t>
    </rPh>
    <rPh sb="1" eb="3">
      <t>モウリ</t>
    </rPh>
    <rPh sb="3" eb="5">
      <t>ホイク</t>
    </rPh>
    <rPh sb="5" eb="6">
      <t>ショ</t>
    </rPh>
    <rPh sb="6" eb="8">
      <t>ブンエン</t>
    </rPh>
    <phoneticPr fontId="1"/>
  </si>
  <si>
    <t>五反田保育園分園</t>
    <rPh sb="0" eb="3">
      <t>ゴタンダ</t>
    </rPh>
    <rPh sb="3" eb="6">
      <t>ホ</t>
    </rPh>
    <rPh sb="6" eb="8">
      <t>ブンエン</t>
    </rPh>
    <phoneticPr fontId="1"/>
  </si>
  <si>
    <t>伊勢原白百合学園</t>
    <rPh sb="0" eb="3">
      <t>イセハラ</t>
    </rPh>
    <rPh sb="3" eb="6">
      <t>シラユリ</t>
    </rPh>
    <rPh sb="6" eb="8">
      <t>ガクエン</t>
    </rPh>
    <phoneticPr fontId="1"/>
  </si>
  <si>
    <t>生蘭学園</t>
    <rPh sb="0" eb="2">
      <t>セイラン</t>
    </rPh>
    <rPh sb="2" eb="4">
      <t>ガクエン</t>
    </rPh>
    <phoneticPr fontId="1"/>
  </si>
  <si>
    <t>城前寺</t>
    <rPh sb="0" eb="1">
      <t>ジョウ</t>
    </rPh>
    <rPh sb="1" eb="2">
      <t>ゼン</t>
    </rPh>
    <rPh sb="2" eb="3">
      <t>ジ</t>
    </rPh>
    <phoneticPr fontId="1"/>
  </si>
  <si>
    <t>常光寺</t>
    <rPh sb="0" eb="1">
      <t>ジョウ</t>
    </rPh>
    <rPh sb="1" eb="2">
      <t>コウ</t>
    </rPh>
    <rPh sb="2" eb="3">
      <t>ジ</t>
    </rPh>
    <phoneticPr fontId="1"/>
  </si>
  <si>
    <t>大応寺</t>
    <rPh sb="0" eb="1">
      <t>オオ</t>
    </rPh>
    <rPh sb="1" eb="2">
      <t>オウ</t>
    </rPh>
    <rPh sb="2" eb="3">
      <t>ジ</t>
    </rPh>
    <phoneticPr fontId="1"/>
  </si>
  <si>
    <t>藤沢ﾍﾞﾋﾞｰｾﾝﾀｰ</t>
    <rPh sb="0" eb="2">
      <t>フジサワ</t>
    </rPh>
    <phoneticPr fontId="1"/>
  </si>
  <si>
    <t>こどもの森</t>
    <rPh sb="4" eb="5">
      <t>モリ</t>
    </rPh>
    <phoneticPr fontId="1"/>
  </si>
  <si>
    <t>平塚市北金目2-9-24</t>
    <rPh sb="3" eb="4">
      <t>キタ</t>
    </rPh>
    <rPh sb="4" eb="5">
      <t>カナ</t>
    </rPh>
    <rPh sb="5" eb="6">
      <t>メ</t>
    </rPh>
    <phoneticPr fontId="1"/>
  </si>
  <si>
    <t>平塚市四之宮1-8－92</t>
    <rPh sb="0" eb="3">
      <t>ヒラツカシ</t>
    </rPh>
    <rPh sb="3" eb="6">
      <t>シノミヤ</t>
    </rPh>
    <phoneticPr fontId="1"/>
  </si>
  <si>
    <t>湘南みらい保育園</t>
    <rPh sb="0" eb="2">
      <t>ショウナン</t>
    </rPh>
    <rPh sb="5" eb="8">
      <t>ホイクエン</t>
    </rPh>
    <phoneticPr fontId="1"/>
  </si>
  <si>
    <t>平塚市徳延655-1</t>
    <rPh sb="0" eb="3">
      <t>ヒラツカシ</t>
    </rPh>
    <rPh sb="3" eb="5">
      <t>トクノブ</t>
    </rPh>
    <phoneticPr fontId="1"/>
  </si>
  <si>
    <t>理究</t>
    <rPh sb="0" eb="1">
      <t>リ</t>
    </rPh>
    <rPh sb="1" eb="2">
      <t>キュウ</t>
    </rPh>
    <phoneticPr fontId="1"/>
  </si>
  <si>
    <t>螢田愛児園</t>
    <rPh sb="0" eb="1">
      <t>ケイ</t>
    </rPh>
    <rPh sb="1" eb="2">
      <t>タ</t>
    </rPh>
    <rPh sb="2" eb="4">
      <t>アイジ</t>
    </rPh>
    <rPh sb="4" eb="5">
      <t>エン</t>
    </rPh>
    <phoneticPr fontId="1"/>
  </si>
  <si>
    <t>伊勢原こばと会</t>
    <rPh sb="6" eb="7">
      <t>カイ</t>
    </rPh>
    <phoneticPr fontId="1"/>
  </si>
  <si>
    <t>子育ちの里食と遊</t>
    <rPh sb="0" eb="1">
      <t>コ</t>
    </rPh>
    <rPh sb="1" eb="2">
      <t>ソダ</t>
    </rPh>
    <rPh sb="4" eb="5">
      <t>サト</t>
    </rPh>
    <rPh sb="5" eb="6">
      <t>ショク</t>
    </rPh>
    <rPh sb="7" eb="8">
      <t>ユウ</t>
    </rPh>
    <phoneticPr fontId="1"/>
  </si>
  <si>
    <t>若葉会</t>
    <rPh sb="0" eb="2">
      <t>ワカバ</t>
    </rPh>
    <rPh sb="2" eb="3">
      <t>カイ</t>
    </rPh>
    <phoneticPr fontId="1"/>
  </si>
  <si>
    <t>秦野市横野57-1</t>
    <rPh sb="0" eb="3">
      <t>ハダノシ</t>
    </rPh>
    <rPh sb="3" eb="4">
      <t>ヨコ</t>
    </rPh>
    <rPh sb="4" eb="5">
      <t>ノ</t>
    </rPh>
    <phoneticPr fontId="1"/>
  </si>
  <si>
    <t>県央いずみ会</t>
    <rPh sb="0" eb="2">
      <t>ケンオウ</t>
    </rPh>
    <rPh sb="5" eb="6">
      <t>カイ</t>
    </rPh>
    <phoneticPr fontId="1"/>
  </si>
  <si>
    <t>貴船会</t>
    <rPh sb="0" eb="1">
      <t>キ</t>
    </rPh>
    <rPh sb="1" eb="2">
      <t>フネ</t>
    </rPh>
    <rPh sb="2" eb="3">
      <t>カイ</t>
    </rPh>
    <phoneticPr fontId="1"/>
  </si>
  <si>
    <t>0467-22-7028</t>
  </si>
  <si>
    <t>0467-38-1689</t>
  </si>
  <si>
    <t>0465-36-0710</t>
  </si>
  <si>
    <t>0465-42-0951</t>
  </si>
  <si>
    <t>0465-42-3323</t>
  </si>
  <si>
    <t>0465-36-4754</t>
  </si>
  <si>
    <t>0465-22-2710</t>
  </si>
  <si>
    <t>0465-34-4596</t>
  </si>
  <si>
    <t>0465-47-3354</t>
  </si>
  <si>
    <t>0465-36-0835</t>
  </si>
  <si>
    <t>0465-35-4911</t>
  </si>
  <si>
    <t>0465-42-7720</t>
  </si>
  <si>
    <t>0465-36-5660</t>
  </si>
  <si>
    <t>0465-32-0245</t>
  </si>
  <si>
    <t>0465-36-1619</t>
  </si>
  <si>
    <t>0465-48-3430</t>
  </si>
  <si>
    <t>0465-35-5854</t>
  </si>
  <si>
    <t>キディ鵠沼・藤沢</t>
    <rPh sb="3" eb="5">
      <t>クゲヌマ</t>
    </rPh>
    <rPh sb="6" eb="8">
      <t>フジサワ</t>
    </rPh>
    <phoneticPr fontId="1"/>
  </si>
  <si>
    <t>鎌倉市常盤666</t>
    <rPh sb="0" eb="3">
      <t>カマクラシ</t>
    </rPh>
    <rPh sb="3" eb="5">
      <t>トキワ</t>
    </rPh>
    <phoneticPr fontId="1"/>
  </si>
  <si>
    <t>保育園アワーキッズ
大船</t>
    <rPh sb="0" eb="3">
      <t>ホイクエン</t>
    </rPh>
    <rPh sb="10" eb="12">
      <t>オオフナ</t>
    </rPh>
    <phoneticPr fontId="1"/>
  </si>
  <si>
    <t>大和市下鶴間525</t>
    <rPh sb="3" eb="4">
      <t>シモ</t>
    </rPh>
    <rPh sb="4" eb="6">
      <t>ツルマ</t>
    </rPh>
    <phoneticPr fontId="1"/>
  </si>
  <si>
    <t>市町村</t>
  </si>
  <si>
    <t>伊勢原市西富岡1096</t>
    <rPh sb="4" eb="5">
      <t>ニシ</t>
    </rPh>
    <rPh sb="5" eb="7">
      <t>トミオカ</t>
    </rPh>
    <phoneticPr fontId="1"/>
  </si>
  <si>
    <t>伊勢原市伊勢原1-24-15</t>
    <rPh sb="4" eb="7">
      <t>イセハラ</t>
    </rPh>
    <phoneticPr fontId="1"/>
  </si>
  <si>
    <t>伊勢原市坪ノ内80‐1</t>
    <rPh sb="4" eb="7">
      <t>ツボノウチ</t>
    </rPh>
    <phoneticPr fontId="1"/>
  </si>
  <si>
    <t>伊勢原市沼目2-6-3</t>
    <rPh sb="4" eb="6">
      <t>ヌマメ</t>
    </rPh>
    <phoneticPr fontId="1"/>
  </si>
  <si>
    <t>伊勢原市桜台1-36-5</t>
    <rPh sb="4" eb="6">
      <t>サクラダイ</t>
    </rPh>
    <phoneticPr fontId="1"/>
  </si>
  <si>
    <t>伊勢原市東大竹2-2-1</t>
    <rPh sb="4" eb="5">
      <t>ヒガシ</t>
    </rPh>
    <rPh sb="5" eb="7">
      <t>オオタケ</t>
    </rPh>
    <phoneticPr fontId="1"/>
  </si>
  <si>
    <t>伊勢原市伊勢原2-5-39</t>
    <rPh sb="4" eb="7">
      <t>イセハラ</t>
    </rPh>
    <phoneticPr fontId="1"/>
  </si>
  <si>
    <t>伊勢原市高森1391-3</t>
    <rPh sb="4" eb="6">
      <t>タカモリ</t>
    </rPh>
    <phoneticPr fontId="1"/>
  </si>
  <si>
    <t>伊勢原市池端502</t>
    <rPh sb="4" eb="6">
      <t>イケハタ</t>
    </rPh>
    <phoneticPr fontId="1"/>
  </si>
  <si>
    <t>伊勢原市池端536</t>
    <rPh sb="4" eb="6">
      <t>イケハタ</t>
    </rPh>
    <phoneticPr fontId="1"/>
  </si>
  <si>
    <t>市町村</t>
    <rPh sb="0" eb="1">
      <t>シ</t>
    </rPh>
    <rPh sb="1" eb="3">
      <t>チョウソン</t>
    </rPh>
    <phoneticPr fontId="1"/>
  </si>
  <si>
    <t>座間市小松原1-29-8</t>
    <rPh sb="3" eb="6">
      <t>コマツバラ</t>
    </rPh>
    <phoneticPr fontId="1"/>
  </si>
  <si>
    <t>座間市相模が丘5-12-36</t>
    <rPh sb="3" eb="7">
      <t>サガミガオカ</t>
    </rPh>
    <phoneticPr fontId="1"/>
  </si>
  <si>
    <t>座間市四ﾂ谷835</t>
    <rPh sb="3" eb="4">
      <t>ヨツヤ</t>
    </rPh>
    <rPh sb="5" eb="6">
      <t>ヤ</t>
    </rPh>
    <phoneticPr fontId="1"/>
  </si>
  <si>
    <t>座間市東原4-12-18</t>
    <rPh sb="3" eb="4">
      <t>トウ</t>
    </rPh>
    <rPh sb="4" eb="5">
      <t>ハラ</t>
    </rPh>
    <phoneticPr fontId="1"/>
  </si>
  <si>
    <t>座間市ひばりが丘2-58-1</t>
    <rPh sb="3" eb="8">
      <t>ヒバリガオカ</t>
    </rPh>
    <phoneticPr fontId="1"/>
  </si>
  <si>
    <t>座間市相模が丘2-43-41</t>
    <rPh sb="3" eb="7">
      <t>サガミガオカ</t>
    </rPh>
    <phoneticPr fontId="1"/>
  </si>
  <si>
    <t>座間市さがみ野1-8-25</t>
    <rPh sb="6" eb="7">
      <t>ノ</t>
    </rPh>
    <phoneticPr fontId="1"/>
  </si>
  <si>
    <t>座間市広野台1-32-3</t>
    <rPh sb="3" eb="6">
      <t>ヒロノダイ</t>
    </rPh>
    <phoneticPr fontId="1"/>
  </si>
  <si>
    <t>座間市東原1-6-30</t>
    <rPh sb="3" eb="4">
      <t>トウ</t>
    </rPh>
    <rPh sb="4" eb="5">
      <t>ハラ</t>
    </rPh>
    <phoneticPr fontId="1"/>
  </si>
  <si>
    <t>座間市座間1-3281</t>
    <rPh sb="3" eb="5">
      <t>ザマ</t>
    </rPh>
    <phoneticPr fontId="1"/>
  </si>
  <si>
    <t>南足柄市大雄町1058</t>
    <rPh sb="4" eb="5">
      <t>ダイユウ</t>
    </rPh>
    <rPh sb="5" eb="6">
      <t>ユウ</t>
    </rPh>
    <rPh sb="6" eb="7">
      <t>マチ</t>
    </rPh>
    <phoneticPr fontId="1"/>
  </si>
  <si>
    <t>南足柄市塚原2161</t>
    <rPh sb="4" eb="6">
      <t>ツカハラ</t>
    </rPh>
    <phoneticPr fontId="1"/>
  </si>
  <si>
    <t>南足柄市竹松636</t>
    <rPh sb="4" eb="6">
      <t>タケマツ</t>
    </rPh>
    <phoneticPr fontId="1"/>
  </si>
  <si>
    <t>綾瀬市大上6-14-5</t>
    <rPh sb="3" eb="5">
      <t>オオカミ</t>
    </rPh>
    <phoneticPr fontId="1"/>
  </si>
  <si>
    <t>綾瀬市深谷中5-20-48</t>
  </si>
  <si>
    <t>綾瀬市吉岡1980</t>
    <rPh sb="3" eb="5">
      <t>ヨシオカ</t>
    </rPh>
    <phoneticPr fontId="1"/>
  </si>
  <si>
    <t>綾瀬市早川3067-5</t>
    <rPh sb="3" eb="5">
      <t>ハヤカワ</t>
    </rPh>
    <phoneticPr fontId="1"/>
  </si>
  <si>
    <t>綾瀬市深谷上3-1-29</t>
    <rPh sb="3" eb="5">
      <t>フカヤ</t>
    </rPh>
    <rPh sb="5" eb="6">
      <t>ウエ</t>
    </rPh>
    <phoneticPr fontId="1"/>
  </si>
  <si>
    <t>高座郡寒川町一之宮8-3-1</t>
    <rPh sb="3" eb="6">
      <t>サムカワマチ</t>
    </rPh>
    <rPh sb="6" eb="9">
      <t>イチノミヤ</t>
    </rPh>
    <phoneticPr fontId="1"/>
  </si>
  <si>
    <t>高座郡寒川町宮山935</t>
    <rPh sb="3" eb="6">
      <t>サムカワマチ</t>
    </rPh>
    <rPh sb="6" eb="8">
      <t>ミヤヤマ</t>
    </rPh>
    <phoneticPr fontId="1"/>
  </si>
  <si>
    <t>中郡二宮町富士見が丘2-19-8</t>
    <rPh sb="2" eb="5">
      <t>ニノミヤマチ</t>
    </rPh>
    <rPh sb="5" eb="8">
      <t>フジミ</t>
    </rPh>
    <rPh sb="9" eb="10">
      <t>オカ</t>
    </rPh>
    <phoneticPr fontId="1"/>
  </si>
  <si>
    <t>中郡二宮町二宮1049-6</t>
    <rPh sb="2" eb="5">
      <t>ニノミヤマチ</t>
    </rPh>
    <rPh sb="5" eb="7">
      <t>ニノミヤ</t>
    </rPh>
    <phoneticPr fontId="1"/>
  </si>
  <si>
    <t>中郡二宮町二宮1341</t>
    <rPh sb="2" eb="5">
      <t>ニノミヤマチ</t>
    </rPh>
    <rPh sb="5" eb="7">
      <t>ニノミヤ</t>
    </rPh>
    <phoneticPr fontId="1"/>
  </si>
  <si>
    <t>足柄上郡中井町遠藤327</t>
  </si>
  <si>
    <t>足柄上郡大井町西大井385-1</t>
    <rPh sb="4" eb="7">
      <t>オオイマチ</t>
    </rPh>
    <rPh sb="7" eb="10">
      <t>ニシオオイ</t>
    </rPh>
    <phoneticPr fontId="1"/>
  </si>
  <si>
    <t>足柄上郡山北町向原1630</t>
    <rPh sb="4" eb="7">
      <t>ヤマキタマチ</t>
    </rPh>
    <rPh sb="7" eb="8">
      <t>コウ</t>
    </rPh>
    <rPh sb="8" eb="9">
      <t>ハラ</t>
    </rPh>
    <phoneticPr fontId="1"/>
  </si>
  <si>
    <t>足柄下郡箱根町宮城野102</t>
    <rPh sb="4" eb="7">
      <t>ハコネマチ</t>
    </rPh>
    <rPh sb="7" eb="10">
      <t>ミヤギノ</t>
    </rPh>
    <phoneticPr fontId="1"/>
  </si>
  <si>
    <t>足柄下郡真鶴町真鶴1117-ﾛ号</t>
    <rPh sb="4" eb="6">
      <t>マナヅル</t>
    </rPh>
    <rPh sb="6" eb="7">
      <t>マチ</t>
    </rPh>
    <rPh sb="7" eb="9">
      <t>マナヅル</t>
    </rPh>
    <rPh sb="15" eb="16">
      <t>ゴウ</t>
    </rPh>
    <phoneticPr fontId="1"/>
  </si>
  <si>
    <t>足柄下郡湯河原町城堀38-2</t>
    <rPh sb="4" eb="8">
      <t>ユガワラマチ</t>
    </rPh>
    <rPh sb="8" eb="9">
      <t>シロ</t>
    </rPh>
    <rPh sb="9" eb="10">
      <t>ホリ</t>
    </rPh>
    <phoneticPr fontId="1"/>
  </si>
  <si>
    <t>足柄下郡湯河原町鍛冶屋868-3</t>
    <rPh sb="4" eb="8">
      <t>ユガワラマチ</t>
    </rPh>
    <rPh sb="8" eb="10">
      <t>カジ</t>
    </rPh>
    <rPh sb="10" eb="11">
      <t>ヤ</t>
    </rPh>
    <phoneticPr fontId="1"/>
  </si>
  <si>
    <t>足柄下郡湯河原町宮上36-1</t>
    <rPh sb="4" eb="8">
      <t>ユガワラマチ</t>
    </rPh>
    <rPh sb="8" eb="9">
      <t>ミヤ</t>
    </rPh>
    <rPh sb="9" eb="10">
      <t>ウエ</t>
    </rPh>
    <phoneticPr fontId="1"/>
  </si>
  <si>
    <t>足柄下郡湯河原町吉浜1044-1</t>
    <rPh sb="4" eb="8">
      <t>ユガワラマチ</t>
    </rPh>
    <rPh sb="8" eb="10">
      <t>ヨシハマ</t>
    </rPh>
    <phoneticPr fontId="1"/>
  </si>
  <si>
    <t>愛甲郡愛川町田代323</t>
    <rPh sb="3" eb="6">
      <t>アイカワマチ</t>
    </rPh>
    <rPh sb="6" eb="8">
      <t>タシロ</t>
    </rPh>
    <phoneticPr fontId="1"/>
  </si>
  <si>
    <t>愛甲郡愛川町三増773</t>
    <rPh sb="3" eb="6">
      <t>アイカワマチ</t>
    </rPh>
    <rPh sb="6" eb="7">
      <t>ミ</t>
    </rPh>
    <rPh sb="7" eb="8">
      <t>マ</t>
    </rPh>
    <phoneticPr fontId="1"/>
  </si>
  <si>
    <t>愛甲郡愛川町中津544</t>
    <rPh sb="3" eb="6">
      <t>アイカワマチ</t>
    </rPh>
    <rPh sb="6" eb="8">
      <t>ナカツ</t>
    </rPh>
    <phoneticPr fontId="1"/>
  </si>
  <si>
    <t>県央福祉会</t>
    <rPh sb="0" eb="2">
      <t>ケンオウ</t>
    </rPh>
    <rPh sb="2" eb="5">
      <t>フクシカイ</t>
    </rPh>
    <phoneticPr fontId="1"/>
  </si>
  <si>
    <t>藤沢市鵠沼石上3-1-8</t>
    <rPh sb="0" eb="3">
      <t>フジサワシ</t>
    </rPh>
    <rPh sb="3" eb="5">
      <t>クゲヌマ</t>
    </rPh>
    <rPh sb="5" eb="7">
      <t>イシガミ</t>
    </rPh>
    <phoneticPr fontId="1"/>
  </si>
  <si>
    <t>厚木市下荻野1284-1</t>
    <rPh sb="0" eb="3">
      <t>アツギシ</t>
    </rPh>
    <rPh sb="3" eb="6">
      <t>シモオギノ</t>
    </rPh>
    <phoneticPr fontId="1"/>
  </si>
  <si>
    <t>平塚市八重咲町1-30</t>
    <rPh sb="0" eb="3">
      <t>ヒラツカシ</t>
    </rPh>
    <rPh sb="3" eb="5">
      <t>ヤエ</t>
    </rPh>
    <rPh sb="5" eb="6">
      <t>ザキ</t>
    </rPh>
    <rPh sb="6" eb="7">
      <t>マチ</t>
    </rPh>
    <phoneticPr fontId="1"/>
  </si>
  <si>
    <t>愛甲郡愛川町春日台2-11-3</t>
    <rPh sb="3" eb="6">
      <t>アイカワマチ</t>
    </rPh>
    <rPh sb="6" eb="8">
      <t>カスガ</t>
    </rPh>
    <rPh sb="8" eb="9">
      <t>ダイ</t>
    </rPh>
    <phoneticPr fontId="1"/>
  </si>
  <si>
    <t>愛甲郡愛川町中津3893</t>
    <rPh sb="3" eb="6">
      <t>アイカワマチ</t>
    </rPh>
    <rPh sb="6" eb="8">
      <t>ナカツ</t>
    </rPh>
    <phoneticPr fontId="1"/>
  </si>
  <si>
    <t>NPO</t>
  </si>
  <si>
    <t>電話番号</t>
    <rPh sb="0" eb="2">
      <t>デンワ</t>
    </rPh>
    <rPh sb="2" eb="4">
      <t>バンゴウ</t>
    </rPh>
    <phoneticPr fontId="1"/>
  </si>
  <si>
    <t>けいわ保育園</t>
    <rPh sb="3" eb="6">
      <t>ホイクエン</t>
    </rPh>
    <phoneticPr fontId="1"/>
  </si>
  <si>
    <t>綾瀬市上土棚南1-4-17</t>
    <rPh sb="0" eb="3">
      <t>アヤセシ</t>
    </rPh>
    <rPh sb="3" eb="4">
      <t>カミ</t>
    </rPh>
    <rPh sb="4" eb="5">
      <t>ハムロ</t>
    </rPh>
    <rPh sb="5" eb="6">
      <t>タナ</t>
    </rPh>
    <rPh sb="6" eb="7">
      <t>ミナミ</t>
    </rPh>
    <phoneticPr fontId="1"/>
  </si>
  <si>
    <t>大上保育園</t>
    <rPh sb="0" eb="2">
      <t>オオカミ</t>
    </rPh>
    <rPh sb="2" eb="5">
      <t>ホイクエン</t>
    </rPh>
    <phoneticPr fontId="1"/>
  </si>
  <si>
    <t>吉岡保育園</t>
    <rPh sb="0" eb="2">
      <t>ヨシオカ</t>
    </rPh>
    <rPh sb="2" eb="5">
      <t>ホイクエン</t>
    </rPh>
    <phoneticPr fontId="1"/>
  </si>
  <si>
    <t>酒田保育園</t>
    <rPh sb="0" eb="2">
      <t>サカタ</t>
    </rPh>
    <rPh sb="2" eb="5">
      <t>ホイクエン</t>
    </rPh>
    <phoneticPr fontId="1"/>
  </si>
  <si>
    <t>足柄上郡開成町円通寺55-1</t>
    <rPh sb="0" eb="4">
      <t>アシガラカミグン</t>
    </rPh>
    <rPh sb="4" eb="7">
      <t>カイセイマチ</t>
    </rPh>
    <rPh sb="7" eb="8">
      <t>エン</t>
    </rPh>
    <rPh sb="8" eb="9">
      <t>ツウ</t>
    </rPh>
    <rPh sb="9" eb="10">
      <t>ジ</t>
    </rPh>
    <phoneticPr fontId="1"/>
  </si>
  <si>
    <t>酒田みずのべ保育園</t>
    <rPh sb="0" eb="2">
      <t>サカタ</t>
    </rPh>
    <rPh sb="6" eb="9">
      <t>ホイクエン</t>
    </rPh>
    <phoneticPr fontId="1"/>
  </si>
  <si>
    <t>箱根町</t>
    <rPh sb="0" eb="3">
      <t>ハコネマチ</t>
    </rPh>
    <phoneticPr fontId="1"/>
  </si>
  <si>
    <t>パレット保育園・大和</t>
    <rPh sb="4" eb="7">
      <t>ホイクエン</t>
    </rPh>
    <rPh sb="8" eb="10">
      <t>ヤマト</t>
    </rPh>
    <phoneticPr fontId="1"/>
  </si>
  <si>
    <t>0467-51-0782</t>
  </si>
  <si>
    <t>浜見平保育園</t>
  </si>
  <si>
    <t>253-0062</t>
  </si>
  <si>
    <t>0467-83-1011</t>
  </si>
  <si>
    <t>浜須賀保育園</t>
  </si>
  <si>
    <t>253-0025</t>
  </si>
  <si>
    <t>0467-87-2034</t>
  </si>
  <si>
    <t>室田保育園</t>
  </si>
  <si>
    <t>253-0018</t>
  </si>
  <si>
    <t>0467-53-1225</t>
  </si>
  <si>
    <t>茅ケ崎保育園</t>
  </si>
  <si>
    <t>西大友保育園</t>
    <rPh sb="0" eb="1">
      <t>ニシ</t>
    </rPh>
    <rPh sb="1" eb="3">
      <t>オオトモ</t>
    </rPh>
    <rPh sb="3" eb="6">
      <t>ホ</t>
    </rPh>
    <phoneticPr fontId="1"/>
  </si>
  <si>
    <t>久野保育園</t>
    <rPh sb="0" eb="2">
      <t>ヒサノ</t>
    </rPh>
    <rPh sb="2" eb="5">
      <t>ホ</t>
    </rPh>
    <phoneticPr fontId="1"/>
  </si>
  <si>
    <t>報徳保育園</t>
    <rPh sb="0" eb="2">
      <t>ホウトク</t>
    </rPh>
    <rPh sb="2" eb="5">
      <t>ホ</t>
    </rPh>
    <phoneticPr fontId="1"/>
  </si>
  <si>
    <t>下府中保育園</t>
    <rPh sb="0" eb="1">
      <t>シモ</t>
    </rPh>
    <rPh sb="1" eb="3">
      <t>フチュウ</t>
    </rPh>
    <rPh sb="3" eb="6">
      <t>ホ</t>
    </rPh>
    <phoneticPr fontId="1"/>
  </si>
  <si>
    <t>春光保育園</t>
    <rPh sb="0" eb="2">
      <t>シュンコウ</t>
    </rPh>
    <rPh sb="2" eb="5">
      <t>ホ</t>
    </rPh>
    <phoneticPr fontId="1"/>
  </si>
  <si>
    <t>たんぽぽ保育園</t>
    <rPh sb="4" eb="7">
      <t>ホ</t>
    </rPh>
    <phoneticPr fontId="1"/>
  </si>
  <si>
    <t>大神保育園</t>
    <rPh sb="0" eb="2">
      <t>オオガミ</t>
    </rPh>
    <rPh sb="2" eb="5">
      <t>ホ</t>
    </rPh>
    <phoneticPr fontId="1"/>
  </si>
  <si>
    <t>明石町保育園</t>
    <rPh sb="0" eb="2">
      <t>アカシ</t>
    </rPh>
    <rPh sb="2" eb="3">
      <t>チョウ</t>
    </rPh>
    <rPh sb="3" eb="6">
      <t>ホ</t>
    </rPh>
    <phoneticPr fontId="1"/>
  </si>
  <si>
    <t>あさひ保育園</t>
    <rPh sb="3" eb="6">
      <t>ホ</t>
    </rPh>
    <phoneticPr fontId="1"/>
  </si>
  <si>
    <t>東原保育園</t>
    <rPh sb="0" eb="1">
      <t>トウ</t>
    </rPh>
    <rPh sb="1" eb="2">
      <t>ハラ</t>
    </rPh>
    <rPh sb="2" eb="5">
      <t>ホイクエン</t>
    </rPh>
    <phoneticPr fontId="1"/>
  </si>
  <si>
    <t>逗子市小坪5-22-5</t>
    <rPh sb="3" eb="5">
      <t>コツボ</t>
    </rPh>
    <phoneticPr fontId="1"/>
  </si>
  <si>
    <t>ひばりが丘保育園</t>
    <rPh sb="0" eb="5">
      <t>ヒバリガオカ</t>
    </rPh>
    <rPh sb="5" eb="8">
      <t>ホイクエン</t>
    </rPh>
    <phoneticPr fontId="1"/>
  </si>
  <si>
    <t>相模が丘西保育園</t>
    <rPh sb="0" eb="4">
      <t>サガミガオカ</t>
    </rPh>
    <rPh sb="4" eb="5">
      <t>ニシ</t>
    </rPh>
    <rPh sb="5" eb="8">
      <t>ホイクエン</t>
    </rPh>
    <phoneticPr fontId="1"/>
  </si>
  <si>
    <t>あゆみ保育園</t>
    <rPh sb="3" eb="6">
      <t>ホイクエン</t>
    </rPh>
    <phoneticPr fontId="1"/>
  </si>
  <si>
    <t>一之宮愛児園</t>
    <rPh sb="0" eb="3">
      <t>イチノミヤ</t>
    </rPh>
    <rPh sb="3" eb="5">
      <t>アイジ</t>
    </rPh>
    <rPh sb="5" eb="6">
      <t>エン</t>
    </rPh>
    <phoneticPr fontId="1"/>
  </si>
  <si>
    <t>さむかわ保育園</t>
    <rPh sb="4" eb="7">
      <t>ホイクエン</t>
    </rPh>
    <phoneticPr fontId="1"/>
  </si>
  <si>
    <t>大磯町</t>
    <rPh sb="0" eb="3">
      <t>オオイソマチ</t>
    </rPh>
    <phoneticPr fontId="1"/>
  </si>
  <si>
    <t>二宮町</t>
    <rPh sb="0" eb="3">
      <t>ニノミヤマチ</t>
    </rPh>
    <phoneticPr fontId="1"/>
  </si>
  <si>
    <t>百合が丘保育園</t>
    <rPh sb="0" eb="4">
      <t>ユリガオカ</t>
    </rPh>
    <rPh sb="4" eb="7">
      <t>ホイクエン</t>
    </rPh>
    <phoneticPr fontId="1"/>
  </si>
  <si>
    <t>大和市福田6002</t>
    <rPh sb="0" eb="3">
      <t>ヤマトシ</t>
    </rPh>
    <rPh sb="3" eb="5">
      <t>フクダ</t>
    </rPh>
    <phoneticPr fontId="1"/>
  </si>
  <si>
    <t>草柳保育園</t>
    <rPh sb="0" eb="1">
      <t>クサ</t>
    </rPh>
    <rPh sb="1" eb="2">
      <t>ヤナギ</t>
    </rPh>
    <rPh sb="2" eb="5">
      <t>ホイクエン</t>
    </rPh>
    <phoneticPr fontId="1"/>
  </si>
  <si>
    <t>緑野保育園</t>
    <rPh sb="0" eb="1">
      <t>ミドリ</t>
    </rPh>
    <rPh sb="1" eb="2">
      <t>ノ</t>
    </rPh>
    <rPh sb="2" eb="5">
      <t>ホイクエン</t>
    </rPh>
    <phoneticPr fontId="1"/>
  </si>
  <si>
    <t>若葉保育園</t>
    <rPh sb="0" eb="2">
      <t>ワカバ</t>
    </rPh>
    <rPh sb="2" eb="5">
      <t>ホイクエン</t>
    </rPh>
    <phoneticPr fontId="1"/>
  </si>
  <si>
    <t>深見台保育園</t>
    <rPh sb="0" eb="3">
      <t>フカミダイ</t>
    </rPh>
    <rPh sb="3" eb="6">
      <t>ホイクエン</t>
    </rPh>
    <phoneticPr fontId="1"/>
  </si>
  <si>
    <t>福田保育園</t>
    <rPh sb="0" eb="2">
      <t>フクダ</t>
    </rPh>
    <rPh sb="2" eb="5">
      <t>ホイクエン</t>
    </rPh>
    <phoneticPr fontId="1"/>
  </si>
  <si>
    <t>若草保育園</t>
    <rPh sb="0" eb="2">
      <t>ワカクサ</t>
    </rPh>
    <rPh sb="2" eb="5">
      <t>ホイクエン</t>
    </rPh>
    <phoneticPr fontId="1"/>
  </si>
  <si>
    <t>共育ちの会</t>
    <rPh sb="0" eb="1">
      <t>トモ</t>
    </rPh>
    <rPh sb="1" eb="2">
      <t>ソダ</t>
    </rPh>
    <rPh sb="4" eb="5">
      <t>カイ</t>
    </rPh>
    <phoneticPr fontId="1"/>
  </si>
  <si>
    <t>上和田保育園</t>
    <rPh sb="0" eb="1">
      <t>カミ</t>
    </rPh>
    <rPh sb="1" eb="3">
      <t>ワダ</t>
    </rPh>
    <rPh sb="3" eb="6">
      <t>ホイクエン</t>
    </rPh>
    <phoneticPr fontId="1"/>
  </si>
  <si>
    <t>寺分保育園</t>
    <rPh sb="0" eb="1">
      <t>テラ</t>
    </rPh>
    <rPh sb="1" eb="2">
      <t>ブン</t>
    </rPh>
    <rPh sb="2" eb="5">
      <t>ホ</t>
    </rPh>
    <phoneticPr fontId="1"/>
  </si>
  <si>
    <t>中央保育園</t>
    <rPh sb="0" eb="2">
      <t>チュウオウ</t>
    </rPh>
    <rPh sb="2" eb="5">
      <t>ホイクエン</t>
    </rPh>
    <phoneticPr fontId="1"/>
  </si>
  <si>
    <t>比々多保育園</t>
    <rPh sb="0" eb="1">
      <t>ヒ</t>
    </rPh>
    <rPh sb="2" eb="3">
      <t>タ</t>
    </rPh>
    <rPh sb="3" eb="6">
      <t>ホイクエン</t>
    </rPh>
    <phoneticPr fontId="1"/>
  </si>
  <si>
    <t>伊勢原愛児園</t>
    <rPh sb="0" eb="3">
      <t>イセハラ</t>
    </rPh>
    <rPh sb="3" eb="5">
      <t>アイジ</t>
    </rPh>
    <rPh sb="5" eb="6">
      <t>エン</t>
    </rPh>
    <phoneticPr fontId="1"/>
  </si>
  <si>
    <t>大原保育園</t>
    <rPh sb="0" eb="2">
      <t>オオハラ</t>
    </rPh>
    <rPh sb="2" eb="5">
      <t>ホイクエン</t>
    </rPh>
    <phoneticPr fontId="1"/>
  </si>
  <si>
    <t>ベルガーデン保育園</t>
    <rPh sb="6" eb="9">
      <t>ホイクエン</t>
    </rPh>
    <phoneticPr fontId="1"/>
  </si>
  <si>
    <t>林台保育園</t>
    <rPh sb="0" eb="1">
      <t>ハヤシ</t>
    </rPh>
    <rPh sb="1" eb="2">
      <t>ダイ</t>
    </rPh>
    <rPh sb="2" eb="5">
      <t>ホイクエン</t>
    </rPh>
    <phoneticPr fontId="1"/>
  </si>
  <si>
    <t>伊勢原ふたば保育園</t>
    <rPh sb="0" eb="3">
      <t>イセハラ</t>
    </rPh>
    <rPh sb="6" eb="9">
      <t>ホイクエン</t>
    </rPh>
    <phoneticPr fontId="1"/>
  </si>
  <si>
    <t>大和市南林間7－21－26</t>
    <rPh sb="3" eb="6">
      <t>ミナミリンカン</t>
    </rPh>
    <phoneticPr fontId="1"/>
  </si>
  <si>
    <t>伊勢原こばと保育所</t>
    <rPh sb="0" eb="3">
      <t>イセハラ</t>
    </rPh>
    <rPh sb="6" eb="8">
      <t>ホイク</t>
    </rPh>
    <rPh sb="8" eb="9">
      <t>ジョ</t>
    </rPh>
    <phoneticPr fontId="1"/>
  </si>
  <si>
    <t>中津保育園</t>
    <rPh sb="0" eb="2">
      <t>ナカツ</t>
    </rPh>
    <rPh sb="2" eb="5">
      <t>ホイクエン</t>
    </rPh>
    <phoneticPr fontId="1"/>
  </si>
  <si>
    <t>春日台保育園</t>
    <rPh sb="0" eb="2">
      <t>カスガ</t>
    </rPh>
    <rPh sb="2" eb="3">
      <t>ダイ</t>
    </rPh>
    <rPh sb="3" eb="6">
      <t>ホイクエン</t>
    </rPh>
    <phoneticPr fontId="1"/>
  </si>
  <si>
    <t>中津南保育園</t>
    <rPh sb="0" eb="2">
      <t>ナカツ</t>
    </rPh>
    <rPh sb="2" eb="3">
      <t>ミナミ</t>
    </rPh>
    <rPh sb="3" eb="6">
      <t>ホイクエン</t>
    </rPh>
    <phoneticPr fontId="1"/>
  </si>
  <si>
    <t>南毛利保育所</t>
    <rPh sb="0" eb="1">
      <t>ミナミ</t>
    </rPh>
    <rPh sb="1" eb="3">
      <t>モウリ</t>
    </rPh>
    <rPh sb="3" eb="5">
      <t>ホイク</t>
    </rPh>
    <rPh sb="5" eb="6">
      <t>ショ</t>
    </rPh>
    <phoneticPr fontId="1"/>
  </si>
  <si>
    <t>中井町</t>
    <rPh sb="0" eb="3">
      <t>ナカイマチ</t>
    </rPh>
    <phoneticPr fontId="1"/>
  </si>
  <si>
    <t>大井町</t>
    <rPh sb="0" eb="3">
      <t>オオイマチ</t>
    </rPh>
    <phoneticPr fontId="1"/>
  </si>
  <si>
    <t>大井保育園</t>
    <rPh sb="0" eb="2">
      <t>オオイ</t>
    </rPh>
    <rPh sb="2" eb="5">
      <t>ホイクエン</t>
    </rPh>
    <phoneticPr fontId="1"/>
  </si>
  <si>
    <t>栄光愛児園</t>
    <rPh sb="0" eb="2">
      <t>エイコウ</t>
    </rPh>
    <rPh sb="2" eb="4">
      <t>アイジ</t>
    </rPh>
    <rPh sb="4" eb="5">
      <t>エン</t>
    </rPh>
    <phoneticPr fontId="1"/>
  </si>
  <si>
    <t>松田町</t>
    <rPh sb="0" eb="3">
      <t>マツダマチ</t>
    </rPh>
    <phoneticPr fontId="1"/>
  </si>
  <si>
    <t>山北町</t>
    <rPh sb="0" eb="3">
      <t>ヤマキタマチ</t>
    </rPh>
    <phoneticPr fontId="1"/>
  </si>
  <si>
    <t>向原保育園</t>
    <rPh sb="0" eb="1">
      <t>コウ</t>
    </rPh>
    <rPh sb="1" eb="2">
      <t>ハラ</t>
    </rPh>
    <rPh sb="2" eb="5">
      <t>ホイクエン</t>
    </rPh>
    <phoneticPr fontId="1"/>
  </si>
  <si>
    <t>沼間愛児園</t>
    <rPh sb="0" eb="2">
      <t>ヌママ</t>
    </rPh>
    <rPh sb="2" eb="4">
      <t>アイジ</t>
    </rPh>
    <rPh sb="4" eb="5">
      <t>エン</t>
    </rPh>
    <phoneticPr fontId="1"/>
  </si>
  <si>
    <t>桜山保育園</t>
    <rPh sb="0" eb="2">
      <t>サクラヤマ</t>
    </rPh>
    <rPh sb="2" eb="5">
      <t>ホイクエン</t>
    </rPh>
    <phoneticPr fontId="1"/>
  </si>
  <si>
    <t>三浦市</t>
    <rPh sb="0" eb="3">
      <t>ミウラシ</t>
    </rPh>
    <phoneticPr fontId="1"/>
  </si>
  <si>
    <t>初声保育園</t>
    <rPh sb="0" eb="1">
      <t>ハツ</t>
    </rPh>
    <rPh sb="1" eb="2">
      <t>セイ</t>
    </rPh>
    <rPh sb="2" eb="4">
      <t>ホイク</t>
    </rPh>
    <rPh sb="4" eb="5">
      <t>エン</t>
    </rPh>
    <phoneticPr fontId="1"/>
  </si>
  <si>
    <t>三崎二葉保育園</t>
    <rPh sb="0" eb="2">
      <t>ミサキ</t>
    </rPh>
    <rPh sb="2" eb="4">
      <t>フタバ</t>
    </rPh>
    <rPh sb="4" eb="7">
      <t>ホイクエン</t>
    </rPh>
    <phoneticPr fontId="1"/>
  </si>
  <si>
    <t>玉宝寺</t>
    <rPh sb="0" eb="1">
      <t>タマ</t>
    </rPh>
    <rPh sb="1" eb="2">
      <t>ホウ</t>
    </rPh>
    <rPh sb="2" eb="3">
      <t>ジ</t>
    </rPh>
    <phoneticPr fontId="1"/>
  </si>
  <si>
    <t>湯河原町</t>
    <rPh sb="0" eb="4">
      <t>ユガワラマチ</t>
    </rPh>
    <phoneticPr fontId="1"/>
  </si>
  <si>
    <t>まさご保育園</t>
    <rPh sb="3" eb="6">
      <t>ホイクエン</t>
    </rPh>
    <phoneticPr fontId="1"/>
  </si>
  <si>
    <t>足柄下郡湯河原町中央1-19-1</t>
    <rPh sb="0" eb="4">
      <t>アシガラシモグン</t>
    </rPh>
    <rPh sb="4" eb="8">
      <t>ユガワラマチ</t>
    </rPh>
    <rPh sb="8" eb="10">
      <t>チュウオウ</t>
    </rPh>
    <phoneticPr fontId="1"/>
  </si>
  <si>
    <t>おにわ保育園</t>
    <rPh sb="3" eb="6">
      <t>ホイクエン</t>
    </rPh>
    <phoneticPr fontId="1"/>
  </si>
  <si>
    <t>リスブラン保育園</t>
    <rPh sb="5" eb="8">
      <t>ホイクエン</t>
    </rPh>
    <phoneticPr fontId="1"/>
  </si>
  <si>
    <t>桃重保育園</t>
    <rPh sb="0" eb="1">
      <t>モモ</t>
    </rPh>
    <rPh sb="1" eb="2">
      <t>エ</t>
    </rPh>
    <rPh sb="2" eb="5">
      <t>ホ</t>
    </rPh>
    <phoneticPr fontId="1"/>
  </si>
  <si>
    <t>足柄保育園</t>
    <rPh sb="0" eb="2">
      <t>アシガラ</t>
    </rPh>
    <rPh sb="2" eb="5">
      <t>ホ</t>
    </rPh>
    <phoneticPr fontId="1"/>
  </si>
  <si>
    <t>石塚保育園</t>
    <rPh sb="0" eb="2">
      <t>イシヅカ</t>
    </rPh>
    <rPh sb="2" eb="5">
      <t>ホ</t>
    </rPh>
    <phoneticPr fontId="1"/>
  </si>
  <si>
    <t>クレヨンの森保育園</t>
    <rPh sb="5" eb="6">
      <t>モリ</t>
    </rPh>
    <rPh sb="6" eb="9">
      <t>ホ</t>
    </rPh>
    <phoneticPr fontId="1"/>
  </si>
  <si>
    <t>259-0141</t>
  </si>
  <si>
    <t>0465-81-0243</t>
  </si>
  <si>
    <t>五反田保育園</t>
    <rPh sb="0" eb="3">
      <t>ゴタンダ</t>
    </rPh>
    <rPh sb="3" eb="6">
      <t>ホ</t>
    </rPh>
    <phoneticPr fontId="1"/>
  </si>
  <si>
    <t>南足柄市</t>
    <rPh sb="0" eb="4">
      <t>ミナミアシガラシ</t>
    </rPh>
    <phoneticPr fontId="1"/>
  </si>
  <si>
    <t>南足柄保育園</t>
    <rPh sb="0" eb="3">
      <t>ミナミアシガラ</t>
    </rPh>
    <rPh sb="3" eb="6">
      <t>ホイクエン</t>
    </rPh>
    <phoneticPr fontId="1"/>
  </si>
  <si>
    <t>南足柄市狩野125-1</t>
    <rPh sb="0" eb="4">
      <t>ミナミアシガラシ</t>
    </rPh>
    <rPh sb="4" eb="6">
      <t>カリノ</t>
    </rPh>
    <phoneticPr fontId="1"/>
  </si>
  <si>
    <t>華綾保育園</t>
    <rPh sb="0" eb="1">
      <t>カ</t>
    </rPh>
    <rPh sb="1" eb="2">
      <t>リョウ</t>
    </rPh>
    <rPh sb="2" eb="5">
      <t>ホイクエン</t>
    </rPh>
    <phoneticPr fontId="1"/>
  </si>
  <si>
    <t>塚原保育園</t>
    <rPh sb="0" eb="2">
      <t>ツカハラ</t>
    </rPh>
    <rPh sb="2" eb="5">
      <t>ホイクエン</t>
    </rPh>
    <phoneticPr fontId="1"/>
  </si>
  <si>
    <t>ふくざわ保育園</t>
    <rPh sb="4" eb="7">
      <t>ホイクエン</t>
    </rPh>
    <phoneticPr fontId="1"/>
  </si>
  <si>
    <t>綾瀬市</t>
    <rPh sb="0" eb="3">
      <t>アヤセシ</t>
    </rPh>
    <phoneticPr fontId="1"/>
  </si>
  <si>
    <t>綾南保育園</t>
    <rPh sb="0" eb="1">
      <t>アヤ</t>
    </rPh>
    <rPh sb="1" eb="2">
      <t>ナン</t>
    </rPh>
    <rPh sb="2" eb="5">
      <t>ホイクエン</t>
    </rPh>
    <phoneticPr fontId="1"/>
  </si>
  <si>
    <t>苗もんもん保育園</t>
    <rPh sb="0" eb="1">
      <t>ナエ</t>
    </rPh>
    <rPh sb="5" eb="8">
      <t>ホ</t>
    </rPh>
    <phoneticPr fontId="1"/>
  </si>
  <si>
    <t>サン・キッズ湘南</t>
    <rPh sb="6" eb="8">
      <t>ショウナン</t>
    </rPh>
    <phoneticPr fontId="1"/>
  </si>
  <si>
    <t>鎌倉市</t>
    <rPh sb="0" eb="2">
      <t>カマクラ</t>
    </rPh>
    <rPh sb="2" eb="3">
      <t>ヨコスカシ</t>
    </rPh>
    <phoneticPr fontId="1"/>
  </si>
  <si>
    <t>腰越保育園</t>
    <rPh sb="0" eb="1">
      <t>コシ</t>
    </rPh>
    <rPh sb="1" eb="2">
      <t>コ</t>
    </rPh>
    <rPh sb="2" eb="5">
      <t>ホ</t>
    </rPh>
    <phoneticPr fontId="1"/>
  </si>
  <si>
    <t>鎌倉市</t>
    <rPh sb="0" eb="3">
      <t>カ</t>
    </rPh>
    <phoneticPr fontId="1"/>
  </si>
  <si>
    <t>大和市</t>
    <rPh sb="0" eb="2">
      <t>ヤマト</t>
    </rPh>
    <rPh sb="2" eb="3">
      <t>シ</t>
    </rPh>
    <phoneticPr fontId="1"/>
  </si>
  <si>
    <t>渋谷保育園</t>
    <rPh sb="0" eb="2">
      <t>シブヤ</t>
    </rPh>
    <rPh sb="2" eb="5">
      <t>ホイクエン</t>
    </rPh>
    <phoneticPr fontId="1"/>
  </si>
  <si>
    <t>伊勢原市</t>
    <rPh sb="0" eb="4">
      <t>イセハラシ</t>
    </rPh>
    <phoneticPr fontId="1"/>
  </si>
  <si>
    <t>大山保育園</t>
    <rPh sb="0" eb="2">
      <t>オオヤマ</t>
    </rPh>
    <rPh sb="2" eb="5">
      <t>ホイクエン</t>
    </rPh>
    <phoneticPr fontId="1"/>
  </si>
  <si>
    <t>伊勢原市大山203</t>
    <rPh sb="0" eb="4">
      <t>イセハラシ</t>
    </rPh>
    <rPh sb="4" eb="6">
      <t>オオヤマ</t>
    </rPh>
    <phoneticPr fontId="1"/>
  </si>
  <si>
    <t>深谷保育園</t>
    <rPh sb="0" eb="2">
      <t>フカヤ</t>
    </rPh>
    <rPh sb="2" eb="5">
      <t>ホイクエン</t>
    </rPh>
    <phoneticPr fontId="1"/>
  </si>
  <si>
    <t>葉山町</t>
    <rPh sb="0" eb="3">
      <t>ハヤママチ</t>
    </rPh>
    <phoneticPr fontId="1"/>
  </si>
  <si>
    <t>葉山保育園</t>
    <rPh sb="0" eb="2">
      <t>ハヤマ</t>
    </rPh>
    <rPh sb="2" eb="5">
      <t>ホイクエン</t>
    </rPh>
    <phoneticPr fontId="1"/>
  </si>
  <si>
    <t>寒川町</t>
    <rPh sb="0" eb="3">
      <t>サムカワマチ</t>
    </rPh>
    <phoneticPr fontId="1"/>
  </si>
  <si>
    <t>旭保育園</t>
    <rPh sb="0" eb="1">
      <t>アサヒ</t>
    </rPh>
    <rPh sb="1" eb="4">
      <t>ホイクエン</t>
    </rPh>
    <phoneticPr fontId="1"/>
  </si>
  <si>
    <t>依知保育園</t>
    <rPh sb="0" eb="1">
      <t>イ</t>
    </rPh>
    <rPh sb="1" eb="2">
      <t>チ</t>
    </rPh>
    <rPh sb="2" eb="5">
      <t>ホイクエン</t>
    </rPh>
    <phoneticPr fontId="1"/>
  </si>
  <si>
    <t>大船保育園</t>
    <rPh sb="0" eb="2">
      <t>オオフナ</t>
    </rPh>
    <rPh sb="2" eb="5">
      <t>ホ</t>
    </rPh>
    <phoneticPr fontId="1"/>
  </si>
  <si>
    <t>二宮保育園</t>
    <rPh sb="0" eb="2">
      <t>ニノミヤ</t>
    </rPh>
    <rPh sb="2" eb="5">
      <t>ホイクエン</t>
    </rPh>
    <phoneticPr fontId="1"/>
  </si>
  <si>
    <t>梅花保育園</t>
    <rPh sb="0" eb="1">
      <t>バイ</t>
    </rPh>
    <rPh sb="1" eb="2">
      <t>カ</t>
    </rPh>
    <rPh sb="2" eb="5">
      <t>ホイクエン</t>
    </rPh>
    <phoneticPr fontId="1"/>
  </si>
  <si>
    <t>高峰保育園</t>
    <rPh sb="0" eb="2">
      <t>タカミネ</t>
    </rPh>
    <rPh sb="2" eb="5">
      <t>ホイクエン</t>
    </rPh>
    <phoneticPr fontId="1"/>
  </si>
  <si>
    <t>またの保育園</t>
    <rPh sb="3" eb="6">
      <t>ホ</t>
    </rPh>
    <phoneticPr fontId="1"/>
  </si>
  <si>
    <t>小糸保育園</t>
    <rPh sb="0" eb="2">
      <t>コイト</t>
    </rPh>
    <rPh sb="2" eb="5">
      <t>ホ</t>
    </rPh>
    <phoneticPr fontId="1"/>
  </si>
  <si>
    <t>亀井野保育園</t>
    <rPh sb="0" eb="3">
      <t>カメイノ</t>
    </rPh>
    <rPh sb="3" eb="6">
      <t>ホ</t>
    </rPh>
    <phoneticPr fontId="1"/>
  </si>
  <si>
    <t>金目保育園</t>
    <rPh sb="0" eb="2">
      <t>カナメ</t>
    </rPh>
    <rPh sb="2" eb="5">
      <t>ホ</t>
    </rPh>
    <phoneticPr fontId="1"/>
  </si>
  <si>
    <t>高村保育園</t>
    <rPh sb="0" eb="2">
      <t>タカムラ</t>
    </rPh>
    <rPh sb="2" eb="5">
      <t>ホ</t>
    </rPh>
    <phoneticPr fontId="1"/>
  </si>
  <si>
    <t>平塚保育園</t>
    <rPh sb="0" eb="2">
      <t>ヒラツカ</t>
    </rPh>
    <rPh sb="2" eb="5">
      <t>ホ</t>
    </rPh>
    <phoneticPr fontId="1"/>
  </si>
  <si>
    <t>247-0064</t>
  </si>
  <si>
    <t>南林間保育園</t>
    <rPh sb="0" eb="3">
      <t>ミナミリンカン</t>
    </rPh>
    <rPh sb="3" eb="6">
      <t>ホイクエン</t>
    </rPh>
    <phoneticPr fontId="1"/>
  </si>
  <si>
    <t>242-0006</t>
  </si>
  <si>
    <t>サンキッズ大磯</t>
    <rPh sb="5" eb="7">
      <t>オオイソ</t>
    </rPh>
    <phoneticPr fontId="1"/>
  </si>
  <si>
    <t>荻野すみれ愛児園</t>
    <rPh sb="0" eb="2">
      <t>オギノ</t>
    </rPh>
    <rPh sb="5" eb="7">
      <t>アイジ</t>
    </rPh>
    <rPh sb="7" eb="8">
      <t>エン</t>
    </rPh>
    <phoneticPr fontId="1"/>
  </si>
  <si>
    <t>妻田保育園</t>
    <rPh sb="0" eb="2">
      <t>ツマダ</t>
    </rPh>
    <rPh sb="2" eb="5">
      <t>ホイクエン</t>
    </rPh>
    <phoneticPr fontId="1"/>
  </si>
  <si>
    <t>小倉　生恵</t>
    <rPh sb="0" eb="2">
      <t>オグラ</t>
    </rPh>
    <rPh sb="3" eb="5">
      <t>イクエ</t>
    </rPh>
    <phoneticPr fontId="1"/>
  </si>
  <si>
    <t>三好　玲子</t>
    <rPh sb="0" eb="2">
      <t>ミヨシ</t>
    </rPh>
    <rPh sb="3" eb="5">
      <t>レイコ</t>
    </rPh>
    <phoneticPr fontId="1"/>
  </si>
  <si>
    <t>北鎌倉学園</t>
    <rPh sb="0" eb="3">
      <t>キタカマクラ</t>
    </rPh>
    <rPh sb="3" eb="5">
      <t>ガクエン</t>
    </rPh>
    <phoneticPr fontId="1"/>
  </si>
  <si>
    <t>鎌倉市大船4-21-1</t>
    <rPh sb="3" eb="5">
      <t>オオフナ</t>
    </rPh>
    <phoneticPr fontId="1"/>
  </si>
  <si>
    <t>米田　和枝</t>
    <phoneticPr fontId="1"/>
  </si>
  <si>
    <t>施設長名　※1</t>
    <rPh sb="0" eb="2">
      <t>シセツ</t>
    </rPh>
    <rPh sb="2" eb="3">
      <t>チョウ</t>
    </rPh>
    <rPh sb="3" eb="4">
      <t>ナ</t>
    </rPh>
    <phoneticPr fontId="1"/>
  </si>
  <si>
    <t>定員
（名）※2</t>
    <rPh sb="0" eb="2">
      <t>テイイン</t>
    </rPh>
    <rPh sb="4" eb="5">
      <t>メイ</t>
    </rPh>
    <phoneticPr fontId="1"/>
  </si>
  <si>
    <t>かねだチャイルド園</t>
    <rPh sb="8" eb="9">
      <t>エン</t>
    </rPh>
    <phoneticPr fontId="1"/>
  </si>
  <si>
    <t>愛・八幡保育園</t>
    <rPh sb="0" eb="1">
      <t>アイ</t>
    </rPh>
    <rPh sb="2" eb="4">
      <t>ヤハタ</t>
    </rPh>
    <rPh sb="4" eb="7">
      <t>ホ</t>
    </rPh>
    <phoneticPr fontId="1"/>
  </si>
  <si>
    <t>開成町</t>
    <rPh sb="0" eb="3">
      <t>カイセイマチ</t>
    </rPh>
    <phoneticPr fontId="1"/>
  </si>
  <si>
    <t>253-0044</t>
  </si>
  <si>
    <t>公益財団法人</t>
    <rPh sb="0" eb="2">
      <t>コウエキ</t>
    </rPh>
    <rPh sb="2" eb="4">
      <t>ザイダン</t>
    </rPh>
    <rPh sb="4" eb="6">
      <t>ホウジン</t>
    </rPh>
    <phoneticPr fontId="1"/>
  </si>
  <si>
    <t>0467-82-3030</t>
  </si>
  <si>
    <t>なぎさ保育園</t>
  </si>
  <si>
    <t>253-0004</t>
  </si>
  <si>
    <t>0467-52-0008</t>
  </si>
  <si>
    <t>梅雲保育園</t>
  </si>
  <si>
    <t>宮城野保育園</t>
    <rPh sb="0" eb="3">
      <t>ミヤギノ</t>
    </rPh>
    <rPh sb="3" eb="6">
      <t>ホイクエン</t>
    </rPh>
    <phoneticPr fontId="1"/>
  </si>
  <si>
    <t>真鶴町</t>
    <rPh sb="0" eb="2">
      <t>マナヅル</t>
    </rPh>
    <rPh sb="2" eb="3">
      <t>マチ</t>
    </rPh>
    <phoneticPr fontId="1"/>
  </si>
  <si>
    <t>石田保育園</t>
    <rPh sb="0" eb="2">
      <t>イシダ</t>
    </rPh>
    <rPh sb="2" eb="5">
      <t>ホイクエン</t>
    </rPh>
    <phoneticPr fontId="1"/>
  </si>
  <si>
    <t>足柄下郡真鶴町真鶴1900</t>
    <rPh sb="0" eb="4">
      <t>アシガラシモグン</t>
    </rPh>
    <rPh sb="4" eb="6">
      <t>マナヅル</t>
    </rPh>
    <rPh sb="6" eb="7">
      <t>マチ</t>
    </rPh>
    <rPh sb="7" eb="9">
      <t>マナヅル</t>
    </rPh>
    <phoneticPr fontId="1"/>
  </si>
  <si>
    <t>貴船愛児園</t>
    <rPh sb="0" eb="1">
      <t>キ</t>
    </rPh>
    <rPh sb="1" eb="2">
      <t>フネ</t>
    </rPh>
    <rPh sb="2" eb="4">
      <t>アイジ</t>
    </rPh>
    <rPh sb="4" eb="5">
      <t>エン</t>
    </rPh>
    <phoneticPr fontId="1"/>
  </si>
  <si>
    <t>たんぽぽ共同保育園</t>
    <rPh sb="4" eb="6">
      <t>キョウドウ</t>
    </rPh>
    <rPh sb="6" eb="9">
      <t>ホイクエン</t>
    </rPh>
    <phoneticPr fontId="1"/>
  </si>
  <si>
    <t>花･もんもん保育園</t>
    <rPh sb="0" eb="1">
      <t>ハナ</t>
    </rPh>
    <rPh sb="6" eb="9">
      <t>ホ</t>
    </rPh>
    <phoneticPr fontId="1"/>
  </si>
  <si>
    <t>なでしこ保育園</t>
    <rPh sb="4" eb="7">
      <t>ホイクエン</t>
    </rPh>
    <phoneticPr fontId="1"/>
  </si>
  <si>
    <t>レイモンド
茅ヶ崎保育園</t>
    <rPh sb="6" eb="9">
      <t>チガサキ</t>
    </rPh>
    <rPh sb="9" eb="12">
      <t>ホイクエン</t>
    </rPh>
    <phoneticPr fontId="1"/>
  </si>
  <si>
    <t>緑ケ丘保育園</t>
    <rPh sb="0" eb="3">
      <t>ミドリガオカ</t>
    </rPh>
    <rPh sb="3" eb="6">
      <t>ホイクエン</t>
    </rPh>
    <phoneticPr fontId="1"/>
  </si>
  <si>
    <t>座間市緑ケ丘6-3-16</t>
    <rPh sb="3" eb="6">
      <t>ミドリガオカ</t>
    </rPh>
    <phoneticPr fontId="1"/>
  </si>
  <si>
    <t>藤沢市石川3985</t>
    <rPh sb="0" eb="3">
      <t>フジサワシ</t>
    </rPh>
    <rPh sb="3" eb="5">
      <t>イシカワ</t>
    </rPh>
    <phoneticPr fontId="1"/>
  </si>
  <si>
    <t>鵠沼保育園</t>
    <rPh sb="0" eb="2">
      <t>クゲヌマ</t>
    </rPh>
    <rPh sb="2" eb="5">
      <t>ホ</t>
    </rPh>
    <phoneticPr fontId="1"/>
  </si>
  <si>
    <t>善行保育園</t>
    <rPh sb="0" eb="2">
      <t>ゼンコウ</t>
    </rPh>
    <rPh sb="2" eb="5">
      <t>ホ</t>
    </rPh>
    <phoneticPr fontId="1"/>
  </si>
  <si>
    <t>善行乳児保育園</t>
    <rPh sb="0" eb="2">
      <t>ゼンコウ</t>
    </rPh>
    <rPh sb="2" eb="4">
      <t>ニュウジ</t>
    </rPh>
    <rPh sb="4" eb="7">
      <t>ホ</t>
    </rPh>
    <phoneticPr fontId="1"/>
  </si>
  <si>
    <t>たちばな保育園</t>
    <rPh sb="4" eb="7">
      <t>ホイクエン</t>
    </rPh>
    <phoneticPr fontId="1"/>
  </si>
  <si>
    <t>第一保育園</t>
    <rPh sb="0" eb="2">
      <t>ダイイチ</t>
    </rPh>
    <rPh sb="2" eb="5">
      <t>ホイクエン</t>
    </rPh>
    <phoneticPr fontId="1"/>
  </si>
  <si>
    <t>若草保育園</t>
    <rPh sb="0" eb="2">
      <t>ワカクサ</t>
    </rPh>
    <rPh sb="2" eb="5">
      <t>ホ</t>
    </rPh>
    <phoneticPr fontId="1"/>
  </si>
  <si>
    <t>御所見愛児園</t>
    <rPh sb="0" eb="2">
      <t>ゴショ</t>
    </rPh>
    <rPh sb="2" eb="3">
      <t>ミ</t>
    </rPh>
    <rPh sb="3" eb="5">
      <t>アイジ</t>
    </rPh>
    <rPh sb="5" eb="6">
      <t>エン</t>
    </rPh>
    <phoneticPr fontId="1"/>
  </si>
  <si>
    <t>白旗保育園</t>
    <rPh sb="0" eb="2">
      <t>シラハタ</t>
    </rPh>
    <rPh sb="2" eb="5">
      <t>ホ</t>
    </rPh>
    <phoneticPr fontId="1"/>
  </si>
  <si>
    <t>神愛保育園</t>
    <rPh sb="0" eb="1">
      <t>シン</t>
    </rPh>
    <rPh sb="1" eb="2">
      <t>アイ</t>
    </rPh>
    <rPh sb="2" eb="5">
      <t>ホ</t>
    </rPh>
    <phoneticPr fontId="1"/>
  </si>
  <si>
    <t>サン・キッズ
平塚ステーション</t>
    <rPh sb="7" eb="9">
      <t>ヒラツカ</t>
    </rPh>
    <phoneticPr fontId="1"/>
  </si>
  <si>
    <t>夜間保育所
藤沢ﾍﾞﾋﾞｰｾﾝﾀｰ</t>
    <rPh sb="0" eb="2">
      <t>ヤカン</t>
    </rPh>
    <rPh sb="2" eb="4">
      <t>ホイク</t>
    </rPh>
    <rPh sb="4" eb="5">
      <t>ジョ</t>
    </rPh>
    <rPh sb="6" eb="8">
      <t>フジサワ</t>
    </rPh>
    <phoneticPr fontId="1"/>
  </si>
  <si>
    <t>つきみ野
すこやか保育園</t>
    <rPh sb="0" eb="4">
      <t>ツキミノ</t>
    </rPh>
    <rPh sb="9" eb="12">
      <t>ホイクエン</t>
    </rPh>
    <phoneticPr fontId="1"/>
  </si>
  <si>
    <t>ベルガーデン保育園
分園はなベル</t>
    <rPh sb="10" eb="12">
      <t>ブンエン</t>
    </rPh>
    <phoneticPr fontId="1"/>
  </si>
  <si>
    <t>神明保育園</t>
    <rPh sb="0" eb="2">
      <t>シンメイ</t>
    </rPh>
    <rPh sb="2" eb="5">
      <t>ホ</t>
    </rPh>
    <phoneticPr fontId="1"/>
  </si>
  <si>
    <t>座間保育園</t>
    <rPh sb="0" eb="2">
      <t>ザマ</t>
    </rPh>
    <rPh sb="2" eb="5">
      <t>ホイクエン</t>
    </rPh>
    <phoneticPr fontId="1"/>
  </si>
  <si>
    <t>湘南福祉センター</t>
    <rPh sb="0" eb="2">
      <t>ショウナン</t>
    </rPh>
    <rPh sb="2" eb="4">
      <t>フクシ</t>
    </rPh>
    <phoneticPr fontId="1"/>
  </si>
  <si>
    <t>座間子どもの家保育園</t>
    <rPh sb="0" eb="2">
      <t>ザマ</t>
    </rPh>
    <rPh sb="2" eb="3">
      <t>コ</t>
    </rPh>
    <rPh sb="6" eb="7">
      <t>イエ</t>
    </rPh>
    <rPh sb="7" eb="10">
      <t>ホイクエン</t>
    </rPh>
    <phoneticPr fontId="1"/>
  </si>
  <si>
    <t>やなせ保育園</t>
    <rPh sb="3" eb="6">
      <t>ホイクエン</t>
    </rPh>
    <phoneticPr fontId="1"/>
  </si>
  <si>
    <t>いその保育園</t>
    <rPh sb="3" eb="6">
      <t>ホイクエン</t>
    </rPh>
    <phoneticPr fontId="1"/>
  </si>
  <si>
    <t>広野台保育園</t>
    <rPh sb="0" eb="3">
      <t>ヒロノダイ</t>
    </rPh>
    <rPh sb="3" eb="6">
      <t>ホイクエン</t>
    </rPh>
    <phoneticPr fontId="1"/>
  </si>
  <si>
    <t>柳町保育園</t>
    <rPh sb="0" eb="2">
      <t>ヤナギマチ</t>
    </rPh>
    <rPh sb="2" eb="5">
      <t>ホ</t>
    </rPh>
    <phoneticPr fontId="1"/>
  </si>
  <si>
    <t>八幡保育園</t>
    <rPh sb="0" eb="2">
      <t>ヤハタ</t>
    </rPh>
    <rPh sb="2" eb="5">
      <t>ホ</t>
    </rPh>
    <phoneticPr fontId="1"/>
  </si>
  <si>
    <t>うーたん保育園</t>
    <rPh sb="4" eb="7">
      <t>ホイクエン</t>
    </rPh>
    <phoneticPr fontId="1"/>
  </si>
  <si>
    <t>翔の会</t>
    <rPh sb="0" eb="1">
      <t>ショウ</t>
    </rPh>
    <rPh sb="2" eb="3">
      <t>カイ</t>
    </rPh>
    <phoneticPr fontId="1"/>
  </si>
  <si>
    <t>わかば保育園</t>
    <rPh sb="3" eb="6">
      <t>ホイクエン</t>
    </rPh>
    <phoneticPr fontId="1"/>
  </si>
  <si>
    <t>座間すこやか保育園</t>
    <rPh sb="0" eb="2">
      <t>ザマ</t>
    </rPh>
    <rPh sb="6" eb="9">
      <t>ホイクエン</t>
    </rPh>
    <phoneticPr fontId="1"/>
  </si>
  <si>
    <t>葉山にこにこ保育園</t>
    <rPh sb="0" eb="2">
      <t>ハヤマ</t>
    </rPh>
    <rPh sb="6" eb="9">
      <t>ホイクエン</t>
    </rPh>
    <phoneticPr fontId="1"/>
  </si>
  <si>
    <t>深沢保育園</t>
    <rPh sb="0" eb="2">
      <t>フカサワ</t>
    </rPh>
    <rPh sb="2" eb="5">
      <t>ホ</t>
    </rPh>
    <phoneticPr fontId="1"/>
  </si>
  <si>
    <t>山崎保育園</t>
    <rPh sb="0" eb="2">
      <t>ヤマザキ</t>
    </rPh>
    <rPh sb="2" eb="5">
      <t>ホ</t>
    </rPh>
    <phoneticPr fontId="1"/>
  </si>
  <si>
    <t>岡本保育園</t>
    <rPh sb="0" eb="2">
      <t>オカモト</t>
    </rPh>
    <rPh sb="2" eb="5">
      <t>ホ</t>
    </rPh>
    <phoneticPr fontId="1"/>
  </si>
  <si>
    <t>大船ひまわり保育園</t>
    <rPh sb="0" eb="2">
      <t>オオフナ</t>
    </rPh>
    <rPh sb="6" eb="9">
      <t>ホ</t>
    </rPh>
    <phoneticPr fontId="1"/>
  </si>
  <si>
    <t>藤沢市亀井野4-4-2</t>
    <rPh sb="3" eb="5">
      <t>カメイ</t>
    </rPh>
    <rPh sb="5" eb="6">
      <t>ノ</t>
    </rPh>
    <phoneticPr fontId="1"/>
  </si>
  <si>
    <t>藤沢市用田569</t>
    <rPh sb="3" eb="4">
      <t>ヨウ</t>
    </rPh>
    <rPh sb="4" eb="5">
      <t>ダ</t>
    </rPh>
    <phoneticPr fontId="1"/>
  </si>
  <si>
    <t>藤沢市藤沢2-5-1</t>
    <rPh sb="3" eb="5">
      <t>フジサワ</t>
    </rPh>
    <phoneticPr fontId="1"/>
  </si>
  <si>
    <t>藤沢市高倉745</t>
    <rPh sb="3" eb="5">
      <t>タカクラ</t>
    </rPh>
    <phoneticPr fontId="1"/>
  </si>
  <si>
    <t>藤沢市鵠沼神明5-5-32</t>
    <rPh sb="3" eb="5">
      <t>クゲヌマ</t>
    </rPh>
    <rPh sb="5" eb="7">
      <t>シンメイ</t>
    </rPh>
    <phoneticPr fontId="1"/>
  </si>
  <si>
    <t>藤沢市片瀬5-13-15</t>
    <rPh sb="3" eb="5">
      <t>カタセ</t>
    </rPh>
    <phoneticPr fontId="1"/>
  </si>
  <si>
    <t>藤沢市鵠沼海岸6-6-10</t>
    <rPh sb="3" eb="5">
      <t>クゲヌマ</t>
    </rPh>
    <rPh sb="5" eb="7">
      <t>カイガン</t>
    </rPh>
    <phoneticPr fontId="1"/>
  </si>
  <si>
    <t>藤沢市亀井野914-5</t>
    <rPh sb="3" eb="5">
      <t>カメイ</t>
    </rPh>
    <rPh sb="5" eb="6">
      <t>ノ</t>
    </rPh>
    <phoneticPr fontId="1"/>
  </si>
  <si>
    <t>藤沢市辻堂3-9-16</t>
    <rPh sb="3" eb="5">
      <t>ツジドウ</t>
    </rPh>
    <phoneticPr fontId="1"/>
  </si>
  <si>
    <t>藤沢市下土棚1014-1</t>
    <rPh sb="3" eb="4">
      <t>シモ</t>
    </rPh>
    <rPh sb="4" eb="5">
      <t>ド</t>
    </rPh>
    <rPh sb="5" eb="6">
      <t>タナ</t>
    </rPh>
    <phoneticPr fontId="1"/>
  </si>
  <si>
    <t>藤沢市遠藤732-9</t>
    <rPh sb="3" eb="5">
      <t>エンドウ</t>
    </rPh>
    <phoneticPr fontId="1"/>
  </si>
  <si>
    <t>藤沢市村岡東3-413-1</t>
    <rPh sb="3" eb="5">
      <t>ムラオカ</t>
    </rPh>
    <rPh sb="5" eb="6">
      <t>ヒガシ</t>
    </rPh>
    <phoneticPr fontId="1"/>
  </si>
  <si>
    <t>藤沢市円行2-3-1</t>
    <rPh sb="3" eb="4">
      <t>エン</t>
    </rPh>
    <rPh sb="4" eb="5">
      <t>ギョウ</t>
    </rPh>
    <phoneticPr fontId="1"/>
  </si>
  <si>
    <t>藤沢市湘南台2-13-8・2F</t>
    <rPh sb="3" eb="6">
      <t>ショウナンダイ</t>
    </rPh>
    <phoneticPr fontId="1"/>
  </si>
  <si>
    <t>藤沢市鵠沼藤が谷1-7-8</t>
    <rPh sb="3" eb="6">
      <t>クゲヌマフジ</t>
    </rPh>
    <rPh sb="7" eb="8">
      <t>ヤ</t>
    </rPh>
    <phoneticPr fontId="1"/>
  </si>
  <si>
    <t>宗教法人</t>
    <rPh sb="0" eb="2">
      <t>シュウキョウ</t>
    </rPh>
    <rPh sb="2" eb="4">
      <t>ホウジン</t>
    </rPh>
    <phoneticPr fontId="1"/>
  </si>
  <si>
    <t>小田原市</t>
    <rPh sb="0" eb="4">
      <t>オダワラシ</t>
    </rPh>
    <phoneticPr fontId="1"/>
  </si>
  <si>
    <t>小田原市曽比2153-2</t>
    <rPh sb="4" eb="5">
      <t>ソ</t>
    </rPh>
    <rPh sb="5" eb="6">
      <t>ヒ</t>
    </rPh>
    <phoneticPr fontId="1"/>
  </si>
  <si>
    <t>小田原市曽我原347</t>
    <rPh sb="4" eb="5">
      <t>ソ</t>
    </rPh>
    <rPh sb="5" eb="6">
      <t>ガ</t>
    </rPh>
    <rPh sb="6" eb="7">
      <t>ハラ</t>
    </rPh>
    <phoneticPr fontId="1"/>
  </si>
  <si>
    <t>小田原市下大井104</t>
    <rPh sb="4" eb="5">
      <t>シモ</t>
    </rPh>
    <rPh sb="5" eb="7">
      <t>オオイ</t>
    </rPh>
    <phoneticPr fontId="1"/>
  </si>
  <si>
    <t>小田原市成田654-5</t>
    <rPh sb="4" eb="6">
      <t>ナリタ</t>
    </rPh>
    <phoneticPr fontId="1"/>
  </si>
  <si>
    <t>小田原市早川2-3-13</t>
    <rPh sb="4" eb="6">
      <t>ハヤカワ</t>
    </rPh>
    <phoneticPr fontId="1"/>
  </si>
  <si>
    <t>小田原市荻窪542-5</t>
    <rPh sb="4" eb="6">
      <t>オギクボ</t>
    </rPh>
    <phoneticPr fontId="1"/>
  </si>
  <si>
    <t>小田原市浜町1-2-15</t>
    <rPh sb="4" eb="5">
      <t>ハマ</t>
    </rPh>
    <rPh sb="5" eb="6">
      <t>マチ</t>
    </rPh>
    <phoneticPr fontId="1"/>
  </si>
  <si>
    <t>小田原市国府津3-11-25</t>
    <rPh sb="4" eb="7">
      <t>コウヅ</t>
    </rPh>
    <phoneticPr fontId="1"/>
  </si>
  <si>
    <t>小田原市栢山1946</t>
    <rPh sb="4" eb="6">
      <t>カヤマ</t>
    </rPh>
    <phoneticPr fontId="1"/>
  </si>
  <si>
    <t>小田原市中町2-13-48</t>
    <rPh sb="4" eb="6">
      <t>ナカマチ</t>
    </rPh>
    <phoneticPr fontId="1"/>
  </si>
  <si>
    <t>小田原市東町1-30-30</t>
    <rPh sb="4" eb="5">
      <t>ヒガシ</t>
    </rPh>
    <rPh sb="5" eb="6">
      <t>マチ</t>
    </rPh>
    <phoneticPr fontId="1"/>
  </si>
  <si>
    <t>小田原市千代694-1</t>
    <rPh sb="4" eb="6">
      <t>チヨ</t>
    </rPh>
    <phoneticPr fontId="1"/>
  </si>
  <si>
    <t>小田原市西大友485-2</t>
    <rPh sb="4" eb="5">
      <t>ニシ</t>
    </rPh>
    <rPh sb="5" eb="7">
      <t>オオトモ</t>
    </rPh>
    <phoneticPr fontId="1"/>
  </si>
  <si>
    <t>小田原市久野1550</t>
    <rPh sb="4" eb="6">
      <t>ヒサノ</t>
    </rPh>
    <phoneticPr fontId="1"/>
  </si>
  <si>
    <t>小田原市栢山880</t>
    <rPh sb="4" eb="6">
      <t>カヤマ</t>
    </rPh>
    <phoneticPr fontId="1"/>
  </si>
  <si>
    <t>小田原市鴨宮444</t>
    <rPh sb="4" eb="5">
      <t>カモ</t>
    </rPh>
    <rPh sb="5" eb="6">
      <t>ミヤ</t>
    </rPh>
    <phoneticPr fontId="1"/>
  </si>
  <si>
    <t>小田原市府川139-2</t>
    <rPh sb="4" eb="6">
      <t>フカワ</t>
    </rPh>
    <phoneticPr fontId="1"/>
  </si>
  <si>
    <t>小田原市小八幡4-1-13</t>
    <rPh sb="4" eb="7">
      <t>コヤワタ</t>
    </rPh>
    <phoneticPr fontId="1"/>
  </si>
  <si>
    <t>小田原市扇町2-17-2</t>
    <rPh sb="4" eb="6">
      <t>オオギチョウ</t>
    </rPh>
    <phoneticPr fontId="1"/>
  </si>
  <si>
    <t>小田原市国府津2769</t>
    <rPh sb="4" eb="7">
      <t>コウヅ</t>
    </rPh>
    <phoneticPr fontId="1"/>
  </si>
  <si>
    <t>小田原市板橋544</t>
    <rPh sb="4" eb="6">
      <t>イタバシ</t>
    </rPh>
    <phoneticPr fontId="1"/>
  </si>
  <si>
    <t>小田原市曽我谷津592</t>
    <rPh sb="4" eb="6">
      <t>ソガ</t>
    </rPh>
    <rPh sb="6" eb="7">
      <t>タニ</t>
    </rPh>
    <rPh sb="7" eb="8">
      <t>ツ</t>
    </rPh>
    <phoneticPr fontId="1"/>
  </si>
  <si>
    <t>小田原市扇町5-7-35</t>
    <rPh sb="4" eb="6">
      <t>オオギチョウ</t>
    </rPh>
    <phoneticPr fontId="1"/>
  </si>
  <si>
    <t>小田原市本町4-6-18</t>
    <rPh sb="4" eb="6">
      <t>ホンチョウ</t>
    </rPh>
    <phoneticPr fontId="1"/>
  </si>
  <si>
    <t>小田原市蓮正寺783</t>
    <rPh sb="4" eb="5">
      <t>レン</t>
    </rPh>
    <rPh sb="5" eb="6">
      <t>ショウ</t>
    </rPh>
    <rPh sb="6" eb="7">
      <t>ジ</t>
    </rPh>
    <phoneticPr fontId="1"/>
  </si>
  <si>
    <t>小田原市酒匂6-6-30</t>
    <rPh sb="4" eb="6">
      <t>サカワ</t>
    </rPh>
    <phoneticPr fontId="1"/>
  </si>
  <si>
    <t>株式会社</t>
    <rPh sb="0" eb="4">
      <t>カブシキガイシャ</t>
    </rPh>
    <phoneticPr fontId="1"/>
  </si>
  <si>
    <t>茅ヶ崎市松浪1-8-4</t>
  </si>
  <si>
    <t>茅ヶ崎市鶴が台10-8</t>
  </si>
  <si>
    <t>茅ヶ崎市松ヶ丘2-8-60</t>
  </si>
  <si>
    <t>茅ヶ崎市室田1-3-13</t>
  </si>
  <si>
    <t>茅ヶ崎市新栄町3-32</t>
  </si>
  <si>
    <t>茅ヶ崎市甘沼898</t>
  </si>
  <si>
    <t>茅ヶ崎市甘沼244-3</t>
  </si>
  <si>
    <t>キディ湘南Ｃ－Ｘ</t>
    <rPh sb="3" eb="5">
      <t>ショウナン</t>
    </rPh>
    <phoneticPr fontId="1"/>
  </si>
  <si>
    <t>伊藤　誉視子</t>
    <rPh sb="0" eb="2">
      <t>イトウ</t>
    </rPh>
    <rPh sb="3" eb="4">
      <t>ホ</t>
    </rPh>
    <rPh sb="4" eb="5">
      <t>シ</t>
    </rPh>
    <rPh sb="5" eb="6">
      <t>コ</t>
    </rPh>
    <phoneticPr fontId="2"/>
  </si>
  <si>
    <t>三橋　雅江</t>
    <rPh sb="0" eb="2">
      <t>ミツハシ</t>
    </rPh>
    <rPh sb="3" eb="5">
      <t>マサエ</t>
    </rPh>
    <phoneticPr fontId="2"/>
  </si>
  <si>
    <t>平塚市田村6-14-1</t>
    <rPh sb="3" eb="5">
      <t>タムラ</t>
    </rPh>
    <phoneticPr fontId="1"/>
  </si>
  <si>
    <t>平塚市四之宮2-10-10</t>
    <rPh sb="3" eb="6">
      <t>シノミヤ</t>
    </rPh>
    <phoneticPr fontId="1"/>
  </si>
  <si>
    <t>鎌倉市手広2-18-27</t>
  </si>
  <si>
    <t>鎌倉市梶原4-2-10</t>
    <rPh sb="3" eb="5">
      <t>カジワラ</t>
    </rPh>
    <phoneticPr fontId="1"/>
  </si>
  <si>
    <t>鎌倉市大船2-16-49</t>
    <rPh sb="0" eb="3">
      <t>カマクラシ</t>
    </rPh>
    <rPh sb="3" eb="5">
      <t>オオフナ</t>
    </rPh>
    <phoneticPr fontId="1"/>
  </si>
  <si>
    <t>254-0013</t>
  </si>
  <si>
    <t>259-1204</t>
  </si>
  <si>
    <t>254-0077</t>
  </si>
  <si>
    <t>0463-31-2622</t>
  </si>
  <si>
    <t>254-0065</t>
  </si>
  <si>
    <t>254-0806</t>
  </si>
  <si>
    <t>254-0002</t>
  </si>
  <si>
    <t>254-0012</t>
  </si>
  <si>
    <t>254-0042</t>
  </si>
  <si>
    <t>0463-21-0789</t>
  </si>
  <si>
    <t>254-0046</t>
  </si>
  <si>
    <t>0463-32-0821</t>
  </si>
  <si>
    <t xml:space="preserve">254-0903 </t>
  </si>
  <si>
    <t>0463-32-2137</t>
  </si>
  <si>
    <t>254-0913</t>
  </si>
  <si>
    <t>0463-31-3421</t>
  </si>
  <si>
    <t>254-0052</t>
  </si>
  <si>
    <t>0463-33-3411</t>
  </si>
  <si>
    <t>259-1207</t>
  </si>
  <si>
    <t>0463-58-1882</t>
  </si>
  <si>
    <t>254-0914</t>
  </si>
  <si>
    <t>さくら保育園</t>
    <rPh sb="3" eb="6">
      <t>ホ</t>
    </rPh>
    <phoneticPr fontId="1"/>
  </si>
  <si>
    <t>子どもの未来を考える
小田原保育者の会</t>
    <rPh sb="0" eb="1">
      <t>コ</t>
    </rPh>
    <rPh sb="4" eb="6">
      <t>ミライ</t>
    </rPh>
    <rPh sb="7" eb="8">
      <t>カンガ</t>
    </rPh>
    <rPh sb="11" eb="14">
      <t>オダワラ</t>
    </rPh>
    <rPh sb="14" eb="17">
      <t>ホイクシャ</t>
    </rPh>
    <rPh sb="18" eb="19">
      <t>カイ</t>
    </rPh>
    <phoneticPr fontId="1"/>
  </si>
  <si>
    <t>中海岸保育園</t>
    <rPh sb="0" eb="1">
      <t>ナカ</t>
    </rPh>
    <rPh sb="1" eb="3">
      <t>カイガン</t>
    </rPh>
    <rPh sb="3" eb="6">
      <t>ホイクエン</t>
    </rPh>
    <phoneticPr fontId="1"/>
  </si>
  <si>
    <t>254-0035</t>
  </si>
  <si>
    <t>0463-21-0227</t>
  </si>
  <si>
    <t>0463-31-0880</t>
  </si>
  <si>
    <t>254-0014</t>
  </si>
  <si>
    <t>0463-21-0084</t>
  </si>
  <si>
    <t>0463-20-2080</t>
  </si>
  <si>
    <t>0463-55-2188</t>
  </si>
  <si>
    <t>254-0904</t>
  </si>
  <si>
    <t>0463-58-6662</t>
  </si>
  <si>
    <t>0463-58-7220</t>
  </si>
  <si>
    <t>254-0084</t>
  </si>
  <si>
    <t>0463-32-8600</t>
  </si>
  <si>
    <t>0463-35-0015</t>
  </si>
  <si>
    <t>0463-35-0808</t>
  </si>
  <si>
    <t>0463-33-2325</t>
  </si>
  <si>
    <t>254-0807</t>
  </si>
  <si>
    <t>0463-21-9117</t>
  </si>
  <si>
    <t>0463-53-4141</t>
  </si>
  <si>
    <t>254-0026</t>
  </si>
  <si>
    <t>0463-25-1019</t>
  </si>
  <si>
    <t>0463-20-5887</t>
  </si>
  <si>
    <t xml:space="preserve">254-0811 </t>
  </si>
  <si>
    <t>0463-20-5240</t>
  </si>
  <si>
    <t>0463-20-5241</t>
  </si>
  <si>
    <t>254-0902</t>
  </si>
  <si>
    <t>0463-37-1711</t>
  </si>
  <si>
    <t>0463-37-1722</t>
  </si>
  <si>
    <t>248-0033</t>
  </si>
  <si>
    <t>247-0056</t>
  </si>
  <si>
    <t>248-0013</t>
  </si>
  <si>
    <t>247-0063</t>
  </si>
  <si>
    <t>0467-48-0200</t>
  </si>
  <si>
    <t>247-0066</t>
  </si>
  <si>
    <t>0467-45-6440</t>
  </si>
  <si>
    <t>0467-55-8626</t>
  </si>
  <si>
    <t>247-0072</t>
  </si>
  <si>
    <t>0467-45-2212</t>
  </si>
  <si>
    <t>0467-45-3040</t>
  </si>
  <si>
    <t>247-0061</t>
  </si>
  <si>
    <t>0467-44-6335</t>
  </si>
  <si>
    <t>0467-43-2208</t>
  </si>
  <si>
    <t>0467-22-3465</t>
  </si>
  <si>
    <t>0467-44-7855</t>
  </si>
  <si>
    <t>247-0051</t>
  </si>
  <si>
    <t>0467-46-6930</t>
  </si>
  <si>
    <t>0467-46-2629</t>
  </si>
  <si>
    <t>0467-44-5821</t>
  </si>
  <si>
    <t>248-0036</t>
  </si>
  <si>
    <t>0467-38-1688</t>
  </si>
  <si>
    <t>0467-39-6600</t>
  </si>
  <si>
    <t>0467-39-6601</t>
  </si>
  <si>
    <t>248-0022</t>
  </si>
  <si>
    <t>0467-84-8671</t>
  </si>
  <si>
    <t>0467-84-8673</t>
  </si>
  <si>
    <t>0467-84-9511</t>
  </si>
  <si>
    <t>0467-84-9510</t>
  </si>
  <si>
    <t>252-0815</t>
  </si>
  <si>
    <t>0466-81-6077</t>
  </si>
  <si>
    <t>251-0028</t>
  </si>
  <si>
    <t>0466-36-4594</t>
  </si>
  <si>
    <t>251-0871</t>
  </si>
  <si>
    <t>0466-81-6169</t>
  </si>
  <si>
    <t>0466-82-0521</t>
  </si>
  <si>
    <t>251-0056</t>
  </si>
  <si>
    <t>0466-36-6695</t>
  </si>
  <si>
    <t>251-0037</t>
  </si>
  <si>
    <t>0466-34-4545</t>
  </si>
  <si>
    <t>251-0004</t>
  </si>
  <si>
    <t>0466-22-2794</t>
  </si>
  <si>
    <t>251-0025</t>
  </si>
  <si>
    <t>0466-22-6889</t>
  </si>
  <si>
    <t>251-0057</t>
  </si>
  <si>
    <t>0466-36-1221</t>
  </si>
  <si>
    <t>252-0804</t>
  </si>
  <si>
    <t>0466-43-3830</t>
  </si>
  <si>
    <t>251-0003</t>
  </si>
  <si>
    <t>0466-26-1355</t>
  </si>
  <si>
    <t>0466-44-4855</t>
  </si>
  <si>
    <t>251-0042</t>
  </si>
  <si>
    <t>0466-33-1022</t>
  </si>
  <si>
    <t>252-0812</t>
  </si>
  <si>
    <t>0466-81-8727</t>
  </si>
  <si>
    <t>251-0861</t>
  </si>
  <si>
    <t>0466-87-9121</t>
  </si>
  <si>
    <t>252-0816</t>
  </si>
  <si>
    <t>0466-87-3251</t>
  </si>
  <si>
    <t>0466-87-8764</t>
  </si>
  <si>
    <t>0466-86-6558</t>
  </si>
  <si>
    <t>252-0813</t>
  </si>
  <si>
    <t>0466-82-1654</t>
  </si>
  <si>
    <t>252-0821</t>
  </si>
  <si>
    <t>0466-48-1070</t>
  </si>
  <si>
    <t>251-0052</t>
  </si>
  <si>
    <t>0466-26-3440</t>
  </si>
  <si>
    <t>252-0802</t>
  </si>
  <si>
    <t xml:space="preserve">253-0072 </t>
  </si>
  <si>
    <t>茅ヶ崎市今宿473-1</t>
  </si>
  <si>
    <t>0467-84-4010</t>
  </si>
  <si>
    <t>0467-84-6061</t>
  </si>
  <si>
    <t>汐見台キッズステージ</t>
    <rPh sb="0" eb="3">
      <t>シオミダイ</t>
    </rPh>
    <phoneticPr fontId="1"/>
  </si>
  <si>
    <t>湘南望青会</t>
    <rPh sb="0" eb="2">
      <t>ショウナン</t>
    </rPh>
    <rPh sb="2" eb="3">
      <t>ボウ</t>
    </rPh>
    <rPh sb="3" eb="4">
      <t>アオ</t>
    </rPh>
    <rPh sb="4" eb="5">
      <t>カイ</t>
    </rPh>
    <phoneticPr fontId="1"/>
  </si>
  <si>
    <t>松田さくら保育園</t>
    <rPh sb="0" eb="2">
      <t>マツダ</t>
    </rPh>
    <rPh sb="5" eb="8">
      <t>ホイクエン</t>
    </rPh>
    <phoneticPr fontId="1"/>
  </si>
  <si>
    <t>足柄上郡松田町松田庶子162</t>
    <rPh sb="0" eb="4">
      <t>アシガラカミグン</t>
    </rPh>
    <rPh sb="4" eb="7">
      <t>マツダマチ</t>
    </rPh>
    <rPh sb="7" eb="9">
      <t>マツダ</t>
    </rPh>
    <rPh sb="9" eb="11">
      <t>ショシ</t>
    </rPh>
    <phoneticPr fontId="1"/>
  </si>
  <si>
    <t>さくらチャイルド
センター</t>
  </si>
  <si>
    <t>泉正会</t>
    <rPh sb="0" eb="1">
      <t>イズミ</t>
    </rPh>
    <rPh sb="1" eb="2">
      <t>セイ</t>
    </rPh>
    <rPh sb="2" eb="3">
      <t>カイ</t>
    </rPh>
    <phoneticPr fontId="1"/>
  </si>
  <si>
    <t>梶原の森たんぽぽ
保育園</t>
  </si>
  <si>
    <t>綾瀬いずみ保育園</t>
    <rPh sb="0" eb="2">
      <t>アヤセ</t>
    </rPh>
    <rPh sb="5" eb="8">
      <t>ホイクエン</t>
    </rPh>
    <phoneticPr fontId="1"/>
  </si>
  <si>
    <t>252-1111</t>
    <phoneticPr fontId="1"/>
  </si>
  <si>
    <t>258-0004</t>
    <phoneticPr fontId="1"/>
  </si>
  <si>
    <t>大和市下鶴間2748-2</t>
    <rPh sb="0" eb="3">
      <t>ヤマトシ</t>
    </rPh>
    <rPh sb="3" eb="6">
      <t>シモツルマ</t>
    </rPh>
    <phoneticPr fontId="1"/>
  </si>
  <si>
    <t>三浦郡葉山町堀内2050-9</t>
    <rPh sb="0" eb="3">
      <t>ミウラグン</t>
    </rPh>
    <phoneticPr fontId="1"/>
  </si>
  <si>
    <t>小規模保育所</t>
    <rPh sb="0" eb="3">
      <t>ショウキボ</t>
    </rPh>
    <rPh sb="3" eb="5">
      <t>ホイク</t>
    </rPh>
    <rPh sb="5" eb="6">
      <t>ジョ</t>
    </rPh>
    <phoneticPr fontId="1"/>
  </si>
  <si>
    <t>0466-44-0065</t>
  </si>
  <si>
    <t>251-0021</t>
  </si>
  <si>
    <t>0466-25-3518</t>
  </si>
  <si>
    <t>251-0032</t>
  </si>
  <si>
    <t>0466-25-7211</t>
  </si>
  <si>
    <t>0466-33-1823</t>
  </si>
  <si>
    <t>0466-81-5011</t>
  </si>
  <si>
    <t>0466-34-2417</t>
  </si>
  <si>
    <t>251-0016</t>
  </si>
  <si>
    <t>0466-26-6431</t>
  </si>
  <si>
    <t>252-0807</t>
  </si>
  <si>
    <t>0466-44-2670</t>
  </si>
  <si>
    <t>0466-87-1795</t>
  </si>
  <si>
    <t>251-0012</t>
  </si>
  <si>
    <t>0466-26-2737</t>
  </si>
  <si>
    <t>252-0805</t>
  </si>
  <si>
    <t>0466-45-3711</t>
  </si>
  <si>
    <t>0466-45-0861</t>
  </si>
  <si>
    <t>0466-22-5284</t>
  </si>
  <si>
    <t>0466-44-2945</t>
  </si>
  <si>
    <t>251-0031</t>
  </si>
  <si>
    <t>0466-52-2345</t>
  </si>
  <si>
    <t>0466-52-2346</t>
  </si>
  <si>
    <t>0466-52-2370</t>
  </si>
  <si>
    <t>0466-52-2380</t>
  </si>
  <si>
    <t xml:space="preserve">251-0025 </t>
  </si>
  <si>
    <t>0466-54-3311</t>
  </si>
  <si>
    <t>0466-54-3312</t>
  </si>
  <si>
    <t>藤沢市大庭7990-1</t>
  </si>
  <si>
    <t>0466-81-7300</t>
  </si>
  <si>
    <t>251-0041</t>
  </si>
  <si>
    <t>0466-30-3515</t>
  </si>
  <si>
    <t>0466-30-3516</t>
  </si>
  <si>
    <t>250-0851</t>
  </si>
  <si>
    <t>250-0206</t>
  </si>
  <si>
    <t>250-0208</t>
  </si>
  <si>
    <t>0465-42-2852</t>
  </si>
  <si>
    <t>250-0862</t>
  </si>
  <si>
    <t>250-0021</t>
  </si>
  <si>
    <t>250-0042</t>
  </si>
  <si>
    <t>250-0004</t>
  </si>
  <si>
    <t>256-0812</t>
  </si>
  <si>
    <t>0465-47-3355</t>
  </si>
  <si>
    <t>250-0852</t>
  </si>
  <si>
    <t>0465-36-0531</t>
  </si>
  <si>
    <t>250-0005</t>
  </si>
  <si>
    <t>0465-22-4359</t>
  </si>
  <si>
    <t>250-0003</t>
  </si>
  <si>
    <t>0465-34-0380</t>
  </si>
  <si>
    <t>250-0215</t>
  </si>
  <si>
    <t>0465-42-1642</t>
  </si>
  <si>
    <t>250-0212</t>
  </si>
  <si>
    <t>0465-36-4378</t>
  </si>
  <si>
    <t>250-0055</t>
  </si>
  <si>
    <t>0465-35-2253</t>
  </si>
  <si>
    <t>0465-36-0272</t>
  </si>
  <si>
    <t>250-0872</t>
  </si>
  <si>
    <t>0465-47-8294</t>
  </si>
  <si>
    <t>250-0874</t>
  </si>
  <si>
    <t>0465-48-5162</t>
  </si>
  <si>
    <t>250-0052</t>
  </si>
  <si>
    <t>0465-35-6505</t>
  </si>
  <si>
    <t>256-0815</t>
  </si>
  <si>
    <t>0465-48-6770</t>
  </si>
  <si>
    <t>0465-48-6777</t>
  </si>
  <si>
    <t>250-0001</t>
  </si>
  <si>
    <t>0465-34-2528</t>
  </si>
  <si>
    <t>250-0034</t>
  </si>
  <si>
    <t>0465-24-1352</t>
  </si>
  <si>
    <t>250-0204</t>
  </si>
  <si>
    <t>0465-42-0140</t>
  </si>
  <si>
    <t>0465-34-3247</t>
  </si>
  <si>
    <t>250-0012</t>
  </si>
  <si>
    <t>0465-22-3722</t>
  </si>
  <si>
    <t>250-0865</t>
  </si>
  <si>
    <t>0465-36-1914</t>
  </si>
  <si>
    <t>0465-37-3923</t>
  </si>
  <si>
    <t>256-0816</t>
  </si>
  <si>
    <t>0467-52-7009</t>
  </si>
  <si>
    <t>253-0088</t>
  </si>
  <si>
    <t>0467-52-7405</t>
  </si>
  <si>
    <t>0467-52-7473</t>
  </si>
  <si>
    <t>249-0003</t>
  </si>
  <si>
    <t>046-871-2838</t>
  </si>
  <si>
    <t>046-871-0474</t>
  </si>
  <si>
    <t>249-0008</t>
  </si>
  <si>
    <t>249-0001</t>
  </si>
  <si>
    <t>046-871-2793</t>
  </si>
  <si>
    <t>046-871-5089</t>
  </si>
  <si>
    <t>249-0004</t>
  </si>
  <si>
    <t>046-871-2669</t>
  </si>
  <si>
    <t>046-871-2619</t>
  </si>
  <si>
    <t>249-0005</t>
  </si>
  <si>
    <t>046-873-7222</t>
  </si>
  <si>
    <t>046-873-7279</t>
  </si>
  <si>
    <t>238-0115</t>
  </si>
  <si>
    <t>046-888-2651</t>
  </si>
  <si>
    <t>238-0235</t>
  </si>
  <si>
    <t>046-881-2359</t>
  </si>
  <si>
    <t>238-0101</t>
  </si>
  <si>
    <t>046-888-5414</t>
  </si>
  <si>
    <t>0465-46-8300</t>
    <phoneticPr fontId="1"/>
  </si>
  <si>
    <t>0465-82-5201</t>
    <phoneticPr fontId="1"/>
  </si>
  <si>
    <t>鎌倉市岩瀬1273-7</t>
    <rPh sb="3" eb="5">
      <t>イワセ</t>
    </rPh>
    <phoneticPr fontId="1"/>
  </si>
  <si>
    <t>認こ(公</t>
    <rPh sb="0" eb="1">
      <t>シノブ</t>
    </rPh>
    <rPh sb="3" eb="4">
      <t>コウ</t>
    </rPh>
    <phoneticPr fontId="1"/>
  </si>
  <si>
    <t>認こ（民</t>
    <rPh sb="0" eb="1">
      <t>ニン</t>
    </rPh>
    <rPh sb="3" eb="4">
      <t>タミ</t>
    </rPh>
    <phoneticPr fontId="1"/>
  </si>
  <si>
    <t>南　由紀子</t>
    <rPh sb="0" eb="1">
      <t>ミナミ</t>
    </rPh>
    <rPh sb="2" eb="5">
      <t>ユキコ</t>
    </rPh>
    <phoneticPr fontId="1"/>
  </si>
  <si>
    <t>0467-46-1071</t>
  </si>
  <si>
    <t>0467-46-1070</t>
  </si>
  <si>
    <t>水上　朋子</t>
    <rPh sb="0" eb="2">
      <t>ミズカミ</t>
    </rPh>
    <rPh sb="3" eb="5">
      <t>トモコ</t>
    </rPh>
    <phoneticPr fontId="1"/>
  </si>
  <si>
    <t>046-263-9300</t>
  </si>
  <si>
    <t>046-264-7954</t>
  </si>
  <si>
    <t>オランジェ分園
SPROUT</t>
    <rPh sb="5" eb="7">
      <t>ブンエン</t>
    </rPh>
    <phoneticPr fontId="1"/>
  </si>
  <si>
    <t>キディ鵠沼・藤沢分園</t>
    <rPh sb="8" eb="10">
      <t>ブンエン</t>
    </rPh>
    <phoneticPr fontId="1"/>
  </si>
  <si>
    <t>柿澤　秀旗</t>
    <rPh sb="0" eb="2">
      <t>カキザワ</t>
    </rPh>
    <rPh sb="3" eb="4">
      <t>ヒデ</t>
    </rPh>
    <rPh sb="4" eb="5">
      <t>キ</t>
    </rPh>
    <phoneticPr fontId="1"/>
  </si>
  <si>
    <t>市町村</t>
    <phoneticPr fontId="1"/>
  </si>
  <si>
    <t>中久喜直保美</t>
    <phoneticPr fontId="1"/>
  </si>
  <si>
    <t>★</t>
    <phoneticPr fontId="1"/>
  </si>
  <si>
    <t>市町村</t>
    <phoneticPr fontId="1"/>
  </si>
  <si>
    <t>こばとナ－サリ－</t>
    <phoneticPr fontId="1"/>
  </si>
  <si>
    <t>オランジェ</t>
    <phoneticPr fontId="1"/>
  </si>
  <si>
    <t>市町村</t>
    <phoneticPr fontId="1"/>
  </si>
  <si>
    <t>(97)</t>
    <phoneticPr fontId="1"/>
  </si>
  <si>
    <t>251-0047</t>
    <phoneticPr fontId="1"/>
  </si>
  <si>
    <t>0466-86-7111</t>
    <phoneticPr fontId="1"/>
  </si>
  <si>
    <t>0466-86-7010</t>
    <phoneticPr fontId="1"/>
  </si>
  <si>
    <t>★</t>
    <phoneticPr fontId="1"/>
  </si>
  <si>
    <t>(24)</t>
    <phoneticPr fontId="1"/>
  </si>
  <si>
    <t>垣中　奈奈子</t>
    <rPh sb="0" eb="1">
      <t>カキ</t>
    </rPh>
    <rPh sb="1" eb="2">
      <t>ナカ</t>
    </rPh>
    <rPh sb="3" eb="4">
      <t>ナ</t>
    </rPh>
    <rPh sb="4" eb="5">
      <t>ナ</t>
    </rPh>
    <rPh sb="5" eb="6">
      <t>コ</t>
    </rPh>
    <phoneticPr fontId="1"/>
  </si>
  <si>
    <t>0466-81-7301</t>
    <phoneticPr fontId="1"/>
  </si>
  <si>
    <t>ひばり</t>
    <phoneticPr fontId="1"/>
  </si>
  <si>
    <t>251-0003</t>
    <phoneticPr fontId="1"/>
  </si>
  <si>
    <t>0466-86-7766</t>
    <phoneticPr fontId="1"/>
  </si>
  <si>
    <t>0466-86-7789</t>
    <phoneticPr fontId="1"/>
  </si>
  <si>
    <t>251-0047　</t>
    <phoneticPr fontId="1"/>
  </si>
  <si>
    <t>0466-86-5519</t>
    <phoneticPr fontId="1"/>
  </si>
  <si>
    <t>0466-86-5506</t>
    <phoneticPr fontId="1"/>
  </si>
  <si>
    <t>市町村</t>
    <phoneticPr fontId="1"/>
  </si>
  <si>
    <t>0465-22-3523</t>
    <phoneticPr fontId="1"/>
  </si>
  <si>
    <t>0465-22-3524</t>
    <phoneticPr fontId="1"/>
  </si>
  <si>
    <t>小椋　節子</t>
    <phoneticPr fontId="1"/>
  </si>
  <si>
    <t>NPO</t>
    <phoneticPr fontId="1"/>
  </si>
  <si>
    <t>桝下　眞由美</t>
    <phoneticPr fontId="1"/>
  </si>
  <si>
    <t>0465-47-6611</t>
    <phoneticPr fontId="1"/>
  </si>
  <si>
    <t>0465-47-6614</t>
    <phoneticPr fontId="1"/>
  </si>
  <si>
    <t>香川保育園</t>
    <phoneticPr fontId="1"/>
  </si>
  <si>
    <t>西久保福祉会</t>
    <phoneticPr fontId="1"/>
  </si>
  <si>
    <t xml:space="preserve">253-0055 </t>
    <phoneticPr fontId="1"/>
  </si>
  <si>
    <t>茅ヶ崎市中海岸1-2-42</t>
    <phoneticPr fontId="1"/>
  </si>
  <si>
    <t>0467-59-1530</t>
    <phoneticPr fontId="1"/>
  </si>
  <si>
    <t>0467-55-9525</t>
    <phoneticPr fontId="1"/>
  </si>
  <si>
    <t>堀部　絹代</t>
    <phoneticPr fontId="1"/>
  </si>
  <si>
    <t>鷲見　宗信</t>
    <phoneticPr fontId="1"/>
  </si>
  <si>
    <t>前田　れい子</t>
    <phoneticPr fontId="1"/>
  </si>
  <si>
    <t>渡邊　高幸</t>
    <phoneticPr fontId="1"/>
  </si>
  <si>
    <t>青木　　聡</t>
    <phoneticPr fontId="1"/>
  </si>
  <si>
    <t>坂巻　　清</t>
    <phoneticPr fontId="1"/>
  </si>
  <si>
    <t>柿沢　高明</t>
    <phoneticPr fontId="1"/>
  </si>
  <si>
    <t>0467-59-5006</t>
    <phoneticPr fontId="1"/>
  </si>
  <si>
    <t>253-0033</t>
    <phoneticPr fontId="1"/>
  </si>
  <si>
    <t>0467-83-0700</t>
    <phoneticPr fontId="1"/>
  </si>
  <si>
    <t>0467-83-0702</t>
    <phoneticPr fontId="1"/>
  </si>
  <si>
    <t>市町村</t>
    <phoneticPr fontId="1"/>
  </si>
  <si>
    <t>恩賜財団
神奈川県同胞援護会</t>
    <phoneticPr fontId="1"/>
  </si>
  <si>
    <t>小島　　昇</t>
    <phoneticPr fontId="1"/>
  </si>
  <si>
    <t>高橋　六郎</t>
    <phoneticPr fontId="1"/>
  </si>
  <si>
    <t>金子　義男</t>
    <phoneticPr fontId="1"/>
  </si>
  <si>
    <t>山口　八重子</t>
    <phoneticPr fontId="1"/>
  </si>
  <si>
    <t>守屋　和子</t>
    <phoneticPr fontId="1"/>
  </si>
  <si>
    <t>井伊　則子</t>
    <phoneticPr fontId="1"/>
  </si>
  <si>
    <t>★</t>
    <phoneticPr fontId="1"/>
  </si>
  <si>
    <t>梅原　正美</t>
    <phoneticPr fontId="1"/>
  </si>
  <si>
    <t>櫛田　桃子</t>
    <phoneticPr fontId="1"/>
  </si>
  <si>
    <t>(30)</t>
    <phoneticPr fontId="1"/>
  </si>
  <si>
    <t>藤田　理惠</t>
    <phoneticPr fontId="1"/>
  </si>
  <si>
    <t>斎藤　美好</t>
    <rPh sb="0" eb="2">
      <t>サイトウ</t>
    </rPh>
    <rPh sb="3" eb="5">
      <t>ミヨシ</t>
    </rPh>
    <phoneticPr fontId="1"/>
  </si>
  <si>
    <t>横浜ＹＭＣＡ</t>
    <phoneticPr fontId="1"/>
  </si>
  <si>
    <t>キンダーガーデンこばと</t>
    <phoneticPr fontId="1"/>
  </si>
  <si>
    <t>湯淺　房子</t>
    <phoneticPr fontId="1"/>
  </si>
  <si>
    <t>石井　直子</t>
    <rPh sb="3" eb="5">
      <t>ナオコ</t>
    </rPh>
    <phoneticPr fontId="1"/>
  </si>
  <si>
    <t>大地　馨</t>
    <rPh sb="0" eb="2">
      <t>ダイチ</t>
    </rPh>
    <rPh sb="3" eb="4">
      <t>カオル</t>
    </rPh>
    <phoneticPr fontId="1"/>
  </si>
  <si>
    <t>さとり</t>
    <phoneticPr fontId="1"/>
  </si>
  <si>
    <t>田中　喜代子</t>
    <rPh sb="0" eb="2">
      <t>タナカ</t>
    </rPh>
    <rPh sb="3" eb="6">
      <t>キヨコ</t>
    </rPh>
    <phoneticPr fontId="1"/>
  </si>
  <si>
    <t>井田　美幸</t>
    <phoneticPr fontId="1"/>
  </si>
  <si>
    <t>(20)</t>
    <phoneticPr fontId="1"/>
  </si>
  <si>
    <t>井上　加代子</t>
    <rPh sb="0" eb="2">
      <t>イノウエ</t>
    </rPh>
    <rPh sb="3" eb="6">
      <t>カヨコ</t>
    </rPh>
    <phoneticPr fontId="1"/>
  </si>
  <si>
    <t>243-0402</t>
    <phoneticPr fontId="1"/>
  </si>
  <si>
    <t>本多　多恵子</t>
    <phoneticPr fontId="1"/>
  </si>
  <si>
    <t>海老名市河原口2-1-12</t>
    <phoneticPr fontId="1"/>
  </si>
  <si>
    <t>本多　緑子</t>
    <phoneticPr fontId="1"/>
  </si>
  <si>
    <t>海老名市河原口1599-1</t>
    <phoneticPr fontId="1"/>
  </si>
  <si>
    <t>かしわ台
あおぞら保育園</t>
    <phoneticPr fontId="1"/>
  </si>
  <si>
    <t>今井　惠子</t>
    <rPh sb="0" eb="2">
      <t>イマイ</t>
    </rPh>
    <rPh sb="3" eb="4">
      <t>メグミ</t>
    </rPh>
    <rPh sb="4" eb="5">
      <t>コ</t>
    </rPh>
    <phoneticPr fontId="1"/>
  </si>
  <si>
    <t>中村　裕希子</t>
    <rPh sb="0" eb="2">
      <t>ナカムラ</t>
    </rPh>
    <rPh sb="3" eb="4">
      <t>ユウ</t>
    </rPh>
    <rPh sb="4" eb="5">
      <t>キ</t>
    </rPh>
    <rPh sb="5" eb="6">
      <t>コ</t>
    </rPh>
    <phoneticPr fontId="1"/>
  </si>
  <si>
    <t>小田原市浜町1-3-8</t>
    <rPh sb="4" eb="5">
      <t>ハマ</t>
    </rPh>
    <rPh sb="5" eb="6">
      <t>マチ</t>
    </rPh>
    <phoneticPr fontId="1"/>
  </si>
  <si>
    <t>一般財団法人</t>
    <rPh sb="0" eb="2">
      <t>イッパン</t>
    </rPh>
    <rPh sb="2" eb="4">
      <t>ザイダン</t>
    </rPh>
    <rPh sb="4" eb="6">
      <t>ホウジン</t>
    </rPh>
    <phoneticPr fontId="1"/>
  </si>
  <si>
    <t>茅ヶ崎市汐見台3-11</t>
    <rPh sb="0" eb="3">
      <t>チガサキ</t>
    </rPh>
    <rPh sb="3" eb="4">
      <t>シ</t>
    </rPh>
    <rPh sb="4" eb="7">
      <t>シオミダイ</t>
    </rPh>
    <phoneticPr fontId="1"/>
  </si>
  <si>
    <t>野澤　展</t>
    <rPh sb="0" eb="2">
      <t>ノザワ</t>
    </rPh>
    <rPh sb="3" eb="4">
      <t>テン</t>
    </rPh>
    <phoneticPr fontId="1"/>
  </si>
  <si>
    <t>厚木市中町3-3-9厚木
アーバンプラザ2F</t>
    <rPh sb="10" eb="12">
      <t>アツギ</t>
    </rPh>
    <phoneticPr fontId="1"/>
  </si>
  <si>
    <t>大和市大和東1-7-22　ますみビル1～3F</t>
    <rPh sb="3" eb="5">
      <t>ヤマト</t>
    </rPh>
    <rPh sb="5" eb="6">
      <t>ヒガシ</t>
    </rPh>
    <phoneticPr fontId="1"/>
  </si>
  <si>
    <t>渡邉　秀子</t>
    <rPh sb="0" eb="2">
      <t>ワタナベ</t>
    </rPh>
    <rPh sb="3" eb="5">
      <t>ヒデコ</t>
    </rPh>
    <phoneticPr fontId="2"/>
  </si>
  <si>
    <t>山口　晴美</t>
    <rPh sb="3" eb="4">
      <t>ハ</t>
    </rPh>
    <rPh sb="4" eb="5">
      <t>ウツク</t>
    </rPh>
    <phoneticPr fontId="1"/>
  </si>
  <si>
    <t>0467-44-5821</t>
    <phoneticPr fontId="1"/>
  </si>
  <si>
    <t>0467-44-5823</t>
    <phoneticPr fontId="1"/>
  </si>
  <si>
    <t>青木　　裕子</t>
    <rPh sb="4" eb="6">
      <t>ユウコ</t>
    </rPh>
    <phoneticPr fontId="1"/>
  </si>
  <si>
    <t>藤沢市辻堂神台1-3-39ｵｻﾞﾜﾋﾞﾙ2,3階</t>
    <phoneticPr fontId="1"/>
  </si>
  <si>
    <t>大船ひまわり保育園分園</t>
    <rPh sb="0" eb="2">
      <t>オオフナ</t>
    </rPh>
    <rPh sb="6" eb="9">
      <t>ホイクエン</t>
    </rPh>
    <rPh sb="9" eb="10">
      <t>ブン</t>
    </rPh>
    <rPh sb="10" eb="11">
      <t>エン</t>
    </rPh>
    <phoneticPr fontId="1"/>
  </si>
  <si>
    <t>(26)</t>
    <phoneticPr fontId="1"/>
  </si>
  <si>
    <t>茅ヶ崎市</t>
    <rPh sb="0" eb="4">
      <t>チガサキシ</t>
    </rPh>
    <phoneticPr fontId="1"/>
  </si>
  <si>
    <t>レイモンド湘南保育園</t>
    <rPh sb="5" eb="7">
      <t>ショウナン</t>
    </rPh>
    <rPh sb="7" eb="9">
      <t>ホイク</t>
    </rPh>
    <rPh sb="9" eb="10">
      <t>エン</t>
    </rPh>
    <phoneticPr fontId="1"/>
  </si>
  <si>
    <t>茅ヶ崎市円蔵1-19-50</t>
    <rPh sb="0" eb="4">
      <t>チガサキシ</t>
    </rPh>
    <rPh sb="4" eb="6">
      <t>エンゾウ</t>
    </rPh>
    <phoneticPr fontId="1"/>
  </si>
  <si>
    <t>253-0084</t>
    <phoneticPr fontId="1"/>
  </si>
  <si>
    <t>湘南アイルド茅ヶ崎保育園</t>
    <rPh sb="0" eb="2">
      <t>ショウナン</t>
    </rPh>
    <rPh sb="6" eb="9">
      <t>チガサキ</t>
    </rPh>
    <rPh sb="9" eb="11">
      <t>ホイク</t>
    </rPh>
    <rPh sb="11" eb="12">
      <t>エン</t>
    </rPh>
    <phoneticPr fontId="1"/>
  </si>
  <si>
    <t>株式会社</t>
    <rPh sb="0" eb="4">
      <t>カブシキガイシャ</t>
    </rPh>
    <phoneticPr fontId="1"/>
  </si>
  <si>
    <t>湘南悠遊倶楽部</t>
    <rPh sb="0" eb="2">
      <t>ショウナン</t>
    </rPh>
    <rPh sb="2" eb="3">
      <t>ユウ</t>
    </rPh>
    <rPh sb="3" eb="4">
      <t>ユウ</t>
    </rPh>
    <rPh sb="4" eb="7">
      <t>クラブ</t>
    </rPh>
    <phoneticPr fontId="1"/>
  </si>
  <si>
    <t>鈴木　雅美</t>
    <rPh sb="0" eb="2">
      <t>スズキ</t>
    </rPh>
    <rPh sb="3" eb="4">
      <t>マサ</t>
    </rPh>
    <rPh sb="4" eb="5">
      <t>ミ</t>
    </rPh>
    <phoneticPr fontId="1"/>
  </si>
  <si>
    <t>253-0044</t>
    <phoneticPr fontId="1"/>
  </si>
  <si>
    <t>茅ヶ崎市新栄町10-4</t>
    <rPh sb="0" eb="4">
      <t>チガサキシ</t>
    </rPh>
    <phoneticPr fontId="1"/>
  </si>
  <si>
    <t>秦野市</t>
    <rPh sb="0" eb="3">
      <t>ハダノシ</t>
    </rPh>
    <phoneticPr fontId="1"/>
  </si>
  <si>
    <t>第２にこにこ保育園</t>
    <rPh sb="0" eb="1">
      <t>ダイ</t>
    </rPh>
    <rPh sb="6" eb="8">
      <t>ホイク</t>
    </rPh>
    <rPh sb="8" eb="9">
      <t>エン</t>
    </rPh>
    <phoneticPr fontId="1"/>
  </si>
  <si>
    <t>社会福祉法人</t>
    <rPh sb="0" eb="2">
      <t>シャカイ</t>
    </rPh>
    <rPh sb="2" eb="4">
      <t>フクシ</t>
    </rPh>
    <rPh sb="4" eb="6">
      <t>ホウジン</t>
    </rPh>
    <phoneticPr fontId="1"/>
  </si>
  <si>
    <t>湘南福祉会</t>
    <rPh sb="0" eb="2">
      <t>ショウナン</t>
    </rPh>
    <rPh sb="2" eb="4">
      <t>フクシ</t>
    </rPh>
    <rPh sb="4" eb="5">
      <t>カイ</t>
    </rPh>
    <phoneticPr fontId="1"/>
  </si>
  <si>
    <t>金子　知子</t>
    <rPh sb="0" eb="2">
      <t>カネコ</t>
    </rPh>
    <rPh sb="3" eb="5">
      <t>トモコ</t>
    </rPh>
    <phoneticPr fontId="1"/>
  </si>
  <si>
    <t>257-0011</t>
    <phoneticPr fontId="1"/>
  </si>
  <si>
    <t>秦野市尾尻546-1</t>
    <rPh sb="0" eb="3">
      <t>ハダノシ</t>
    </rPh>
    <rPh sb="3" eb="5">
      <t>オジリ</t>
    </rPh>
    <phoneticPr fontId="1"/>
  </si>
  <si>
    <t>大和市</t>
    <rPh sb="0" eb="2">
      <t>ヤマト</t>
    </rPh>
    <rPh sb="2" eb="3">
      <t>シ</t>
    </rPh>
    <phoneticPr fontId="1"/>
  </si>
  <si>
    <t>木の子保育園</t>
    <rPh sb="0" eb="1">
      <t>キ</t>
    </rPh>
    <rPh sb="2" eb="3">
      <t>コ</t>
    </rPh>
    <rPh sb="3" eb="5">
      <t>ホイク</t>
    </rPh>
    <rPh sb="5" eb="6">
      <t>エン</t>
    </rPh>
    <phoneticPr fontId="1"/>
  </si>
  <si>
    <t>かつみ学園</t>
    <rPh sb="3" eb="5">
      <t>ガクエン</t>
    </rPh>
    <phoneticPr fontId="1"/>
  </si>
  <si>
    <t>畔上　雅代</t>
    <rPh sb="0" eb="1">
      <t>ハン</t>
    </rPh>
    <rPh sb="1" eb="2">
      <t>ウエ</t>
    </rPh>
    <rPh sb="3" eb="5">
      <t>マサヨ</t>
    </rPh>
    <phoneticPr fontId="1"/>
  </si>
  <si>
    <t>大和市下鶴間1816-1</t>
    <rPh sb="0" eb="2">
      <t>ヤマト</t>
    </rPh>
    <rPh sb="2" eb="3">
      <t>シ</t>
    </rPh>
    <rPh sb="3" eb="6">
      <t>シモツルマ</t>
    </rPh>
    <phoneticPr fontId="1"/>
  </si>
  <si>
    <t>242-0001</t>
    <phoneticPr fontId="1"/>
  </si>
  <si>
    <t>キンダーガーデンやまと</t>
    <phoneticPr fontId="1"/>
  </si>
  <si>
    <t>新考会</t>
    <rPh sb="0" eb="1">
      <t>シン</t>
    </rPh>
    <rPh sb="1" eb="2">
      <t>コウ</t>
    </rPh>
    <rPh sb="2" eb="3">
      <t>カイ</t>
    </rPh>
    <phoneticPr fontId="1"/>
  </si>
  <si>
    <t>鈴木　惠子</t>
    <rPh sb="0" eb="2">
      <t>スズキ</t>
    </rPh>
    <rPh sb="3" eb="4">
      <t>メグミ</t>
    </rPh>
    <rPh sb="4" eb="5">
      <t>コ</t>
    </rPh>
    <phoneticPr fontId="1"/>
  </si>
  <si>
    <t>大和市中央6-1-5</t>
    <rPh sb="0" eb="2">
      <t>ヤマト</t>
    </rPh>
    <rPh sb="2" eb="3">
      <t>シ</t>
    </rPh>
    <rPh sb="3" eb="5">
      <t>チュウオウ</t>
    </rPh>
    <phoneticPr fontId="1"/>
  </si>
  <si>
    <t>242-0021</t>
    <phoneticPr fontId="1"/>
  </si>
  <si>
    <t>アスク大和南保育園</t>
    <rPh sb="3" eb="5">
      <t>ヤマト</t>
    </rPh>
    <rPh sb="5" eb="6">
      <t>ミナミ</t>
    </rPh>
    <rPh sb="6" eb="8">
      <t>ホイク</t>
    </rPh>
    <rPh sb="8" eb="9">
      <t>エン</t>
    </rPh>
    <phoneticPr fontId="1"/>
  </si>
  <si>
    <t>日本保育サービス</t>
    <rPh sb="0" eb="2">
      <t>ニホン</t>
    </rPh>
    <rPh sb="2" eb="4">
      <t>ホイク</t>
    </rPh>
    <phoneticPr fontId="1"/>
  </si>
  <si>
    <t>肥田　久美子</t>
    <rPh sb="0" eb="2">
      <t>ヒダ</t>
    </rPh>
    <rPh sb="3" eb="6">
      <t>クミコ</t>
    </rPh>
    <phoneticPr fontId="1"/>
  </si>
  <si>
    <t>大和市大和南2-2-9</t>
    <rPh sb="0" eb="2">
      <t>ヤマト</t>
    </rPh>
    <rPh sb="2" eb="3">
      <t>シ</t>
    </rPh>
    <rPh sb="3" eb="6">
      <t>ヤマトミナミ</t>
    </rPh>
    <phoneticPr fontId="1"/>
  </si>
  <si>
    <t>242-0016</t>
    <phoneticPr fontId="1"/>
  </si>
  <si>
    <t>さとり</t>
    <phoneticPr fontId="1"/>
  </si>
  <si>
    <t>海老名市</t>
    <phoneticPr fontId="1"/>
  </si>
  <si>
    <t>社家ゆめいろ保育園</t>
    <rPh sb="0" eb="2">
      <t>シャケ</t>
    </rPh>
    <rPh sb="6" eb="8">
      <t>ホイク</t>
    </rPh>
    <rPh sb="8" eb="9">
      <t>エン</t>
    </rPh>
    <phoneticPr fontId="1"/>
  </si>
  <si>
    <t>大森　雅美</t>
    <rPh sb="0" eb="2">
      <t>オオモリ</t>
    </rPh>
    <rPh sb="3" eb="4">
      <t>マサ</t>
    </rPh>
    <rPh sb="4" eb="5">
      <t>ミ</t>
    </rPh>
    <phoneticPr fontId="1"/>
  </si>
  <si>
    <t>海老名市中央1-13-1</t>
    <rPh sb="0" eb="4">
      <t>エビナシ</t>
    </rPh>
    <rPh sb="4" eb="6">
      <t>チュウオウ</t>
    </rPh>
    <phoneticPr fontId="1"/>
  </si>
  <si>
    <t>243-0432</t>
    <phoneticPr fontId="1"/>
  </si>
  <si>
    <t>ステーション</t>
    <phoneticPr fontId="1"/>
  </si>
  <si>
    <t>海老名市社家83</t>
    <rPh sb="0" eb="4">
      <t>エビナシ</t>
    </rPh>
    <rPh sb="4" eb="6">
      <t>シャケ</t>
    </rPh>
    <phoneticPr fontId="1"/>
  </si>
  <si>
    <t>243-0424</t>
    <phoneticPr fontId="1"/>
  </si>
  <si>
    <t>座間市</t>
    <rPh sb="0" eb="2">
      <t>ザマ</t>
    </rPh>
    <rPh sb="2" eb="3">
      <t>シ</t>
    </rPh>
    <phoneticPr fontId="1"/>
  </si>
  <si>
    <t>座間市相武台1-33-2</t>
    <rPh sb="0" eb="3">
      <t>ザマシ</t>
    </rPh>
    <rPh sb="3" eb="6">
      <t>ソウブダイ</t>
    </rPh>
    <phoneticPr fontId="1"/>
  </si>
  <si>
    <t>252-0011</t>
    <phoneticPr fontId="1"/>
  </si>
  <si>
    <t>千葉　さとみ</t>
    <rPh sb="0" eb="2">
      <t>チバ</t>
    </rPh>
    <phoneticPr fontId="1"/>
  </si>
  <si>
    <t>藤沢市</t>
    <rPh sb="0" eb="2">
      <t>フジサワ</t>
    </rPh>
    <rPh sb="2" eb="3">
      <t>シ</t>
    </rPh>
    <phoneticPr fontId="1"/>
  </si>
  <si>
    <t>藤沢もりのこ保育園</t>
    <rPh sb="0" eb="2">
      <t>フジサワ</t>
    </rPh>
    <rPh sb="6" eb="8">
      <t>ホイク</t>
    </rPh>
    <rPh sb="8" eb="9">
      <t>エン</t>
    </rPh>
    <phoneticPr fontId="1"/>
  </si>
  <si>
    <t>株式会社</t>
    <rPh sb="0" eb="4">
      <t>カブシキガイシャ</t>
    </rPh>
    <phoneticPr fontId="1"/>
  </si>
  <si>
    <t>こどもの森</t>
    <rPh sb="4" eb="5">
      <t>モリ</t>
    </rPh>
    <phoneticPr fontId="1"/>
  </si>
  <si>
    <t>藤沢市鵠沼花沢町1-12</t>
    <rPh sb="0" eb="3">
      <t>フジサワシ</t>
    </rPh>
    <rPh sb="3" eb="5">
      <t>クゲヌマ</t>
    </rPh>
    <rPh sb="5" eb="7">
      <t>ハナサワ</t>
    </rPh>
    <rPh sb="7" eb="8">
      <t>マチ</t>
    </rPh>
    <phoneticPr fontId="1"/>
  </si>
  <si>
    <t>にじいろ保育園藤沢</t>
    <rPh sb="4" eb="6">
      <t>ホイク</t>
    </rPh>
    <rPh sb="6" eb="7">
      <t>エン</t>
    </rPh>
    <rPh sb="7" eb="9">
      <t>フジサワ</t>
    </rPh>
    <phoneticPr fontId="1"/>
  </si>
  <si>
    <t>入内嶋　忍</t>
    <rPh sb="0" eb="1">
      <t>イ</t>
    </rPh>
    <rPh sb="1" eb="2">
      <t>ナイ</t>
    </rPh>
    <rPh sb="2" eb="3">
      <t>シマ</t>
    </rPh>
    <rPh sb="4" eb="5">
      <t>シノブ</t>
    </rPh>
    <phoneticPr fontId="1"/>
  </si>
  <si>
    <t>藤沢市藤沢989-4</t>
    <rPh sb="0" eb="3">
      <t>フジサワシ</t>
    </rPh>
    <rPh sb="3" eb="5">
      <t>フジサワ</t>
    </rPh>
    <phoneticPr fontId="1"/>
  </si>
  <si>
    <t>アスク茅ヶ崎保育園</t>
    <rPh sb="3" eb="6">
      <t>チガサキ</t>
    </rPh>
    <rPh sb="6" eb="8">
      <t>ホイク</t>
    </rPh>
    <rPh sb="8" eb="9">
      <t>エン</t>
    </rPh>
    <phoneticPr fontId="1"/>
  </si>
  <si>
    <t>茅ヶ崎市元町7-42</t>
    <rPh sb="0" eb="4">
      <t>チガサキシ</t>
    </rPh>
    <rPh sb="4" eb="6">
      <t>モトマチ</t>
    </rPh>
    <phoneticPr fontId="1"/>
  </si>
  <si>
    <t>253-0043</t>
    <phoneticPr fontId="1"/>
  </si>
  <si>
    <t>251-0023</t>
    <phoneticPr fontId="1"/>
  </si>
  <si>
    <t>251-0052</t>
    <phoneticPr fontId="1"/>
  </si>
  <si>
    <t>大和市</t>
    <rPh sb="0" eb="2">
      <t>ヤマト</t>
    </rPh>
    <rPh sb="2" eb="3">
      <t>シ</t>
    </rPh>
    <phoneticPr fontId="1"/>
  </si>
  <si>
    <t>アスク南林間保育園</t>
    <rPh sb="3" eb="6">
      <t>ミナミリンカン</t>
    </rPh>
    <rPh sb="6" eb="8">
      <t>ホイク</t>
    </rPh>
    <rPh sb="8" eb="9">
      <t>エン</t>
    </rPh>
    <phoneticPr fontId="1"/>
  </si>
  <si>
    <t>大和市林間1-3-27</t>
    <rPh sb="0" eb="2">
      <t>ヤマト</t>
    </rPh>
    <rPh sb="2" eb="3">
      <t>シ</t>
    </rPh>
    <phoneticPr fontId="1"/>
  </si>
  <si>
    <t>242-0003</t>
    <phoneticPr fontId="1"/>
  </si>
  <si>
    <t>ナーサリースクールT&amp;Y中央林間</t>
    <rPh sb="12" eb="16">
      <t>チュウオウリンカン</t>
    </rPh>
    <phoneticPr fontId="1"/>
  </si>
  <si>
    <t>さとり</t>
    <phoneticPr fontId="1"/>
  </si>
  <si>
    <t>242-0001</t>
    <phoneticPr fontId="1"/>
  </si>
  <si>
    <t>0466-24-5000</t>
    <phoneticPr fontId="1"/>
  </si>
  <si>
    <t>0466-54-8989</t>
    <phoneticPr fontId="1"/>
  </si>
  <si>
    <t>0466-54-8983</t>
    <phoneticPr fontId="1"/>
  </si>
  <si>
    <t>0463-85-0808</t>
    <phoneticPr fontId="1"/>
  </si>
  <si>
    <t>0463-83-0055</t>
    <phoneticPr fontId="1"/>
  </si>
  <si>
    <t>046-292-5121</t>
    <phoneticPr fontId="1"/>
  </si>
  <si>
    <t>046-238-8686</t>
    <phoneticPr fontId="1"/>
  </si>
  <si>
    <t>046-251-1769</t>
    <phoneticPr fontId="1"/>
  </si>
  <si>
    <t>046-251-5512</t>
    <phoneticPr fontId="1"/>
  </si>
  <si>
    <t>0467-59-4550</t>
    <phoneticPr fontId="1"/>
  </si>
  <si>
    <t>0467-33-5289</t>
    <phoneticPr fontId="1"/>
  </si>
  <si>
    <t>0467-50-0421</t>
    <phoneticPr fontId="1"/>
  </si>
  <si>
    <t>0467-50-0490</t>
    <phoneticPr fontId="1"/>
  </si>
  <si>
    <t>0467-84-2311</t>
    <phoneticPr fontId="1"/>
  </si>
  <si>
    <t>0467-84-2355</t>
    <phoneticPr fontId="1"/>
  </si>
  <si>
    <t>247-0061</t>
    <phoneticPr fontId="1"/>
  </si>
  <si>
    <t>鎌倉市台1-2-22</t>
    <rPh sb="0" eb="2">
      <t>カマクラ</t>
    </rPh>
    <rPh sb="2" eb="3">
      <t>シ</t>
    </rPh>
    <rPh sb="3" eb="4">
      <t>ダイ</t>
    </rPh>
    <phoneticPr fontId="1"/>
  </si>
  <si>
    <t>046-278-1615</t>
    <phoneticPr fontId="1"/>
  </si>
  <si>
    <t>046-200-9747</t>
    <phoneticPr fontId="1"/>
  </si>
  <si>
    <t>046-244-4458</t>
    <phoneticPr fontId="1"/>
  </si>
  <si>
    <t>046-244-4459</t>
    <phoneticPr fontId="1"/>
  </si>
  <si>
    <t>046-244-0955</t>
    <phoneticPr fontId="1"/>
  </si>
  <si>
    <t>046-275-8338</t>
    <phoneticPr fontId="1"/>
  </si>
  <si>
    <t>046-200-5810</t>
    <phoneticPr fontId="1"/>
  </si>
  <si>
    <t>046-200-5811</t>
    <phoneticPr fontId="1"/>
  </si>
  <si>
    <t>046-200-3052</t>
    <phoneticPr fontId="1"/>
  </si>
  <si>
    <t>046-244-0301</t>
    <phoneticPr fontId="1"/>
  </si>
  <si>
    <t>松野　ひとみ</t>
    <rPh sb="0" eb="2">
      <t>マツノ</t>
    </rPh>
    <phoneticPr fontId="1"/>
  </si>
  <si>
    <t>佐野　智子</t>
    <rPh sb="0" eb="2">
      <t>サノ</t>
    </rPh>
    <rPh sb="3" eb="5">
      <t>トモコ</t>
    </rPh>
    <phoneticPr fontId="1"/>
  </si>
  <si>
    <t>鈴木　美穂子</t>
    <rPh sb="0" eb="2">
      <t>スズキ</t>
    </rPh>
    <rPh sb="3" eb="5">
      <t>ミホ</t>
    </rPh>
    <rPh sb="5" eb="6">
      <t>コ</t>
    </rPh>
    <phoneticPr fontId="1"/>
  </si>
  <si>
    <t>小田原市</t>
    <rPh sb="0" eb="4">
      <t>オダワラシ</t>
    </rPh>
    <phoneticPr fontId="1"/>
  </si>
  <si>
    <t>城前寺保育園かものみや分園</t>
    <rPh sb="0" eb="1">
      <t>ジョウ</t>
    </rPh>
    <rPh sb="1" eb="2">
      <t>ゼン</t>
    </rPh>
    <rPh sb="2" eb="3">
      <t>ジ</t>
    </rPh>
    <rPh sb="3" eb="5">
      <t>ホイク</t>
    </rPh>
    <rPh sb="5" eb="6">
      <t>エン</t>
    </rPh>
    <rPh sb="11" eb="12">
      <t>ブン</t>
    </rPh>
    <rPh sb="12" eb="13">
      <t>エン</t>
    </rPh>
    <phoneticPr fontId="1"/>
  </si>
  <si>
    <t>皆川　明演</t>
    <rPh sb="0" eb="2">
      <t>ミナガワ</t>
    </rPh>
    <rPh sb="3" eb="4">
      <t>ア</t>
    </rPh>
    <rPh sb="4" eb="5">
      <t>エン</t>
    </rPh>
    <phoneticPr fontId="1"/>
  </si>
  <si>
    <t>小田原市鴨宮670-1</t>
    <rPh sb="0" eb="4">
      <t>オダワラシ</t>
    </rPh>
    <rPh sb="4" eb="6">
      <t>カモノミヤ</t>
    </rPh>
    <phoneticPr fontId="1"/>
  </si>
  <si>
    <t>250-0874</t>
    <phoneticPr fontId="1"/>
  </si>
  <si>
    <t>一般財団法人</t>
    <rPh sb="0" eb="2">
      <t>イッパン</t>
    </rPh>
    <phoneticPr fontId="1"/>
  </si>
  <si>
    <t>西さがみ福祉会</t>
    <rPh sb="0" eb="1">
      <t>ニシ</t>
    </rPh>
    <rPh sb="4" eb="6">
      <t>フクシ</t>
    </rPh>
    <rPh sb="6" eb="7">
      <t>カイ</t>
    </rPh>
    <phoneticPr fontId="1"/>
  </si>
  <si>
    <t>250-0004</t>
    <phoneticPr fontId="1"/>
  </si>
  <si>
    <t>大橋　朋法</t>
    <rPh sb="0" eb="2">
      <t>オオハシ</t>
    </rPh>
    <rPh sb="3" eb="4">
      <t>トモ</t>
    </rPh>
    <rPh sb="4" eb="5">
      <t>ホウ</t>
    </rPh>
    <phoneticPr fontId="1"/>
  </si>
  <si>
    <t>渡辺　明江</t>
    <rPh sb="0" eb="2">
      <t>ワタナベ</t>
    </rPh>
    <rPh sb="3" eb="5">
      <t>アキエ</t>
    </rPh>
    <phoneticPr fontId="1"/>
  </si>
  <si>
    <t>保住　みすみ</t>
    <rPh sb="0" eb="2">
      <t>ホズミ</t>
    </rPh>
    <phoneticPr fontId="2"/>
  </si>
  <si>
    <t>貝塚　容子</t>
    <rPh sb="0" eb="2">
      <t>カイヅカ</t>
    </rPh>
    <rPh sb="3" eb="5">
      <t>ヨウコ</t>
    </rPh>
    <phoneticPr fontId="1"/>
  </si>
  <si>
    <t>西さがみ福祉会</t>
    <rPh sb="4" eb="6">
      <t>フクシ</t>
    </rPh>
    <rPh sb="6" eb="7">
      <t>カイ</t>
    </rPh>
    <phoneticPr fontId="1"/>
  </si>
  <si>
    <t>アスク茅ヶ崎さざん保育園</t>
    <rPh sb="3" eb="6">
      <t>チガサキ</t>
    </rPh>
    <rPh sb="9" eb="11">
      <t>ホイク</t>
    </rPh>
    <rPh sb="11" eb="12">
      <t>エン</t>
    </rPh>
    <phoneticPr fontId="1"/>
  </si>
  <si>
    <t>茅ヶ崎市若松町2-20</t>
    <rPh sb="0" eb="4">
      <t>チガサキシ</t>
    </rPh>
    <rPh sb="4" eb="7">
      <t>ワカマツチョウ</t>
    </rPh>
    <phoneticPr fontId="1"/>
  </si>
  <si>
    <t>0467-84-5055</t>
    <phoneticPr fontId="1"/>
  </si>
  <si>
    <t>0467-38-8516</t>
    <phoneticPr fontId="1"/>
  </si>
  <si>
    <t>253-0051</t>
    <phoneticPr fontId="1"/>
  </si>
  <si>
    <t>原田　留里子</t>
    <rPh sb="0" eb="2">
      <t>ハラダ</t>
    </rPh>
    <rPh sb="3" eb="4">
      <t>ト</t>
    </rPh>
    <rPh sb="4" eb="5">
      <t>サト</t>
    </rPh>
    <rPh sb="5" eb="6">
      <t>コ</t>
    </rPh>
    <phoneticPr fontId="1"/>
  </si>
  <si>
    <t>嶺　千恵</t>
    <rPh sb="0" eb="1">
      <t>ミネ</t>
    </rPh>
    <rPh sb="2" eb="4">
      <t>チエ</t>
    </rPh>
    <phoneticPr fontId="1"/>
  </si>
  <si>
    <t>252-1108</t>
    <phoneticPr fontId="1"/>
  </si>
  <si>
    <t>石野　まどか</t>
    <rPh sb="0" eb="2">
      <t>イシノ</t>
    </rPh>
    <phoneticPr fontId="1"/>
  </si>
  <si>
    <t>藤沢市</t>
    <rPh sb="0" eb="3">
      <t>フジサワシ</t>
    </rPh>
    <phoneticPr fontId="1"/>
  </si>
  <si>
    <t>にじいろ保育園鵠沼神明</t>
    <rPh sb="4" eb="7">
      <t>ホイクエン</t>
    </rPh>
    <rPh sb="7" eb="9">
      <t>クゲヌマ</t>
    </rPh>
    <rPh sb="9" eb="10">
      <t>カミ</t>
    </rPh>
    <rPh sb="10" eb="11">
      <t>ア</t>
    </rPh>
    <phoneticPr fontId="1"/>
  </si>
  <si>
    <t>213-0014</t>
    <phoneticPr fontId="1"/>
  </si>
  <si>
    <t>藤沢市鵠沼神明5-8-12</t>
    <rPh sb="0" eb="3">
      <t>フジサワシ</t>
    </rPh>
    <rPh sb="3" eb="7">
      <t>クゲヌマシンメイ</t>
    </rPh>
    <phoneticPr fontId="1"/>
  </si>
  <si>
    <t>0466-52-4601</t>
    <phoneticPr fontId="1"/>
  </si>
  <si>
    <t>0466-52-4605</t>
    <phoneticPr fontId="1"/>
  </si>
  <si>
    <t>アスク大和東保育園</t>
    <rPh sb="3" eb="5">
      <t>ヤマト</t>
    </rPh>
    <rPh sb="5" eb="6">
      <t>ヒガシ</t>
    </rPh>
    <rPh sb="6" eb="8">
      <t>ホイク</t>
    </rPh>
    <rPh sb="8" eb="9">
      <t>エン</t>
    </rPh>
    <phoneticPr fontId="1"/>
  </si>
  <si>
    <t>大和市大和東2－7－11</t>
    <rPh sb="0" eb="3">
      <t>ヤマトシ</t>
    </rPh>
    <rPh sb="3" eb="5">
      <t>ヤマト</t>
    </rPh>
    <rPh sb="5" eb="6">
      <t>ヒガシ</t>
    </rPh>
    <phoneticPr fontId="1"/>
  </si>
  <si>
    <t>242-0017</t>
    <phoneticPr fontId="1"/>
  </si>
  <si>
    <t>046-200-3501</t>
    <phoneticPr fontId="1"/>
  </si>
  <si>
    <t>046-259-5502</t>
    <phoneticPr fontId="1"/>
  </si>
  <si>
    <t>あいまーる保育園</t>
    <rPh sb="5" eb="8">
      <t>ホイクエン</t>
    </rPh>
    <phoneticPr fontId="1"/>
  </si>
  <si>
    <t>HARMONIE</t>
    <phoneticPr fontId="1"/>
  </si>
  <si>
    <t>藤沢市藤沢551-1日進ビル2階</t>
    <rPh sb="0" eb="2">
      <t>フジサワ</t>
    </rPh>
    <rPh sb="2" eb="3">
      <t>シ</t>
    </rPh>
    <rPh sb="3" eb="5">
      <t>フジサワ</t>
    </rPh>
    <rPh sb="10" eb="12">
      <t>ニッシン</t>
    </rPh>
    <rPh sb="15" eb="16">
      <t>カイ</t>
    </rPh>
    <phoneticPr fontId="1"/>
  </si>
  <si>
    <t>251-0052</t>
    <phoneticPr fontId="1"/>
  </si>
  <si>
    <t>0466-52-4150</t>
    <phoneticPr fontId="1"/>
  </si>
  <si>
    <t>保育園みつばち</t>
    <rPh sb="0" eb="3">
      <t>ホイクエン</t>
    </rPh>
    <phoneticPr fontId="1"/>
  </si>
  <si>
    <t>鎌倉すこやか会</t>
    <rPh sb="0" eb="2">
      <t>カマクラ</t>
    </rPh>
    <rPh sb="6" eb="7">
      <t>カイ</t>
    </rPh>
    <phoneticPr fontId="1"/>
  </si>
  <si>
    <t>加賀谷　早苗</t>
    <rPh sb="0" eb="3">
      <t>カガヤ</t>
    </rPh>
    <rPh sb="4" eb="6">
      <t>サナエ</t>
    </rPh>
    <phoneticPr fontId="1"/>
  </si>
  <si>
    <t>鎌倉市台2-6-7</t>
    <phoneticPr fontId="1"/>
  </si>
  <si>
    <t>247-0061</t>
    <phoneticPr fontId="1"/>
  </si>
  <si>
    <t>0467-46-2221</t>
    <phoneticPr fontId="1"/>
  </si>
  <si>
    <t>0467-55-8800</t>
    <phoneticPr fontId="1"/>
  </si>
  <si>
    <t>0466-52-4167</t>
    <phoneticPr fontId="1"/>
  </si>
  <si>
    <t>茅ヶ崎もりのこ保育園</t>
    <rPh sb="0" eb="3">
      <t>チガサキ</t>
    </rPh>
    <rPh sb="7" eb="10">
      <t>ホイクエン</t>
    </rPh>
    <phoneticPr fontId="1"/>
  </si>
  <si>
    <t>茅ヶ崎市ひばりが丘4－30</t>
    <rPh sb="0" eb="4">
      <t>チガサキシ</t>
    </rPh>
    <rPh sb="8" eb="9">
      <t>オカ</t>
    </rPh>
    <phoneticPr fontId="1"/>
  </si>
  <si>
    <t>0467-87-3325</t>
    <phoneticPr fontId="1"/>
  </si>
  <si>
    <t>藤沢市</t>
    <rPh sb="0" eb="3">
      <t>フジサワシ</t>
    </rPh>
    <phoneticPr fontId="1"/>
  </si>
  <si>
    <t>ゆめの森保育園</t>
    <rPh sb="3" eb="4">
      <t>モリ</t>
    </rPh>
    <rPh sb="4" eb="7">
      <t>ホイクエン</t>
    </rPh>
    <phoneticPr fontId="1"/>
  </si>
  <si>
    <t>前田政江</t>
    <rPh sb="2" eb="4">
      <t>マサエ</t>
    </rPh>
    <phoneticPr fontId="1"/>
  </si>
  <si>
    <t>ゆめの森</t>
    <rPh sb="3" eb="4">
      <t>モリ</t>
    </rPh>
    <phoneticPr fontId="1"/>
  </si>
  <si>
    <t>有限会社</t>
    <rPh sb="0" eb="4">
      <t>ユウゲンガイシャ</t>
    </rPh>
    <phoneticPr fontId="1"/>
  </si>
  <si>
    <t>藤沢市鵠沼石上1-5-9　メガサンエスビル2階</t>
    <phoneticPr fontId="1"/>
  </si>
  <si>
    <t>0466-50-2896</t>
    <phoneticPr fontId="1"/>
  </si>
  <si>
    <t>251-0025</t>
    <phoneticPr fontId="1"/>
  </si>
  <si>
    <t>0466-50-2896</t>
  </si>
  <si>
    <t>0467-87-3325</t>
  </si>
  <si>
    <t>熊谷　薫</t>
    <rPh sb="0" eb="2">
      <t>クマガイ</t>
    </rPh>
    <rPh sb="3" eb="4">
      <t>カオル</t>
    </rPh>
    <phoneticPr fontId="1"/>
  </si>
  <si>
    <t>押田　壮介</t>
    <rPh sb="0" eb="2">
      <t>オシダ</t>
    </rPh>
    <rPh sb="3" eb="5">
      <t>ソウスケ</t>
    </rPh>
    <phoneticPr fontId="1"/>
  </si>
  <si>
    <t>伊藤　郁子</t>
    <rPh sb="0" eb="2">
      <t>イトウ</t>
    </rPh>
    <rPh sb="3" eb="5">
      <t>イクコ</t>
    </rPh>
    <phoneticPr fontId="1"/>
  </si>
  <si>
    <t>保育園コスモス</t>
    <rPh sb="0" eb="3">
      <t>ホイクエン</t>
    </rPh>
    <phoneticPr fontId="1"/>
  </si>
  <si>
    <t>秋桜</t>
    <rPh sb="0" eb="1">
      <t>アキ</t>
    </rPh>
    <rPh sb="1" eb="2">
      <t>サクラ</t>
    </rPh>
    <phoneticPr fontId="1"/>
  </si>
  <si>
    <t>安立　チヨ</t>
    <rPh sb="0" eb="1">
      <t>アン</t>
    </rPh>
    <rPh sb="1" eb="2">
      <t>タ</t>
    </rPh>
    <phoneticPr fontId="1"/>
  </si>
  <si>
    <t>厚木市愛名31－12</t>
    <rPh sb="3" eb="4">
      <t>アイ</t>
    </rPh>
    <rPh sb="4" eb="5">
      <t>ナ</t>
    </rPh>
    <phoneticPr fontId="1"/>
  </si>
  <si>
    <t>046-248-1919</t>
    <phoneticPr fontId="1"/>
  </si>
  <si>
    <t>243-0038</t>
    <phoneticPr fontId="1"/>
  </si>
  <si>
    <t>厚木市寿町3-1ルリエ本厚木1階</t>
    <rPh sb="0" eb="3">
      <t>アツギシ</t>
    </rPh>
    <rPh sb="3" eb="5">
      <t>コトブキチョウ</t>
    </rPh>
    <rPh sb="11" eb="14">
      <t>ホンアツギ</t>
    </rPh>
    <rPh sb="15" eb="16">
      <t>カイ</t>
    </rPh>
    <phoneticPr fontId="1"/>
  </si>
  <si>
    <t>30</t>
    <phoneticPr fontId="1"/>
  </si>
  <si>
    <t>おひさまっこ保育園</t>
    <rPh sb="6" eb="9">
      <t>ホイクエン</t>
    </rPh>
    <phoneticPr fontId="1"/>
  </si>
  <si>
    <t>ゆりかご保育園</t>
    <rPh sb="4" eb="7">
      <t>ホイクエン</t>
    </rPh>
    <phoneticPr fontId="1"/>
  </si>
  <si>
    <t>テレベスト</t>
    <phoneticPr fontId="1"/>
  </si>
  <si>
    <t>串田博美</t>
    <rPh sb="0" eb="2">
      <t>クシダ</t>
    </rPh>
    <rPh sb="2" eb="4">
      <t>ヒロミ</t>
    </rPh>
    <phoneticPr fontId="1"/>
  </si>
  <si>
    <t>秦野市鶴巻南5-1-5</t>
    <rPh sb="0" eb="2">
      <t>ハダノ</t>
    </rPh>
    <rPh sb="2" eb="3">
      <t>シ</t>
    </rPh>
    <rPh sb="3" eb="6">
      <t>ツルマキミナミ</t>
    </rPh>
    <phoneticPr fontId="1"/>
  </si>
  <si>
    <t>高座渋谷ゆめいろ保育園</t>
    <rPh sb="0" eb="4">
      <t>コウザシブヤ</t>
    </rPh>
    <rPh sb="8" eb="11">
      <t>ホイクエン</t>
    </rPh>
    <phoneticPr fontId="1"/>
  </si>
  <si>
    <t>夏目都百子</t>
    <rPh sb="0" eb="2">
      <t>ナツメ</t>
    </rPh>
    <rPh sb="2" eb="3">
      <t>ミヤコ</t>
    </rPh>
    <rPh sb="3" eb="4">
      <t>ヒャク</t>
    </rPh>
    <rPh sb="4" eb="5">
      <t>コ</t>
    </rPh>
    <phoneticPr fontId="1"/>
  </si>
  <si>
    <t>大和市福田2026-1</t>
    <rPh sb="0" eb="3">
      <t>ヤマトシ</t>
    </rPh>
    <rPh sb="3" eb="5">
      <t>フクダ</t>
    </rPh>
    <phoneticPr fontId="1"/>
  </si>
  <si>
    <t>ほいくえん虹の子</t>
    <rPh sb="5" eb="6">
      <t>ニジ</t>
    </rPh>
    <rPh sb="7" eb="8">
      <t>コ</t>
    </rPh>
    <phoneticPr fontId="1"/>
  </si>
  <si>
    <t>虹</t>
    <rPh sb="0" eb="1">
      <t>ニジ</t>
    </rPh>
    <phoneticPr fontId="1"/>
  </si>
  <si>
    <t>大槻まゆ</t>
    <rPh sb="0" eb="2">
      <t>オオツキ</t>
    </rPh>
    <phoneticPr fontId="1"/>
  </si>
  <si>
    <t>保育園まめわかば</t>
    <rPh sb="0" eb="3">
      <t>ホイクエン</t>
    </rPh>
    <phoneticPr fontId="1"/>
  </si>
  <si>
    <t>手島健大</t>
    <rPh sb="0" eb="2">
      <t>テジマ</t>
    </rPh>
    <rPh sb="2" eb="3">
      <t>ケン</t>
    </rPh>
    <rPh sb="3" eb="4">
      <t>ダイ</t>
    </rPh>
    <phoneticPr fontId="1"/>
  </si>
  <si>
    <t>大和市下鶴間1609-15</t>
    <rPh sb="0" eb="3">
      <t>ヤマトシ</t>
    </rPh>
    <rPh sb="3" eb="6">
      <t>シモツルマ</t>
    </rPh>
    <phoneticPr fontId="1"/>
  </si>
  <si>
    <t>もみじ保育園</t>
    <rPh sb="3" eb="6">
      <t>ホイクエン</t>
    </rPh>
    <phoneticPr fontId="1"/>
  </si>
  <si>
    <t>平井則子</t>
    <rPh sb="0" eb="2">
      <t>ヒライ</t>
    </rPh>
    <rPh sb="2" eb="4">
      <t>ノリコ</t>
    </rPh>
    <phoneticPr fontId="1"/>
  </si>
  <si>
    <t>寒川湘南保育園</t>
    <rPh sb="0" eb="2">
      <t>サムカワ</t>
    </rPh>
    <rPh sb="2" eb="4">
      <t>ショウナン</t>
    </rPh>
    <rPh sb="4" eb="7">
      <t>ホイクエン</t>
    </rPh>
    <phoneticPr fontId="1"/>
  </si>
  <si>
    <t>テクノシステムズ</t>
    <phoneticPr fontId="1"/>
  </si>
  <si>
    <t>高座郡寒川町大曲1-10-7</t>
    <rPh sb="3" eb="6">
      <t>サムカワマチ</t>
    </rPh>
    <rPh sb="6" eb="8">
      <t>オオマガリ</t>
    </rPh>
    <phoneticPr fontId="1"/>
  </si>
  <si>
    <t>湘南台南保育園</t>
    <rPh sb="0" eb="2">
      <t>ショウナン</t>
    </rPh>
    <rPh sb="2" eb="3">
      <t>ダイ</t>
    </rPh>
    <rPh sb="3" eb="4">
      <t>ミナミ</t>
    </rPh>
    <rPh sb="4" eb="7">
      <t>ホイクエン</t>
    </rPh>
    <phoneticPr fontId="1"/>
  </si>
  <si>
    <t>藤沢市湘南台2-31-11</t>
    <rPh sb="0" eb="3">
      <t>フジサワシ</t>
    </rPh>
    <rPh sb="3" eb="5">
      <t>ショウナン</t>
    </rPh>
    <rPh sb="5" eb="6">
      <t>ダイ</t>
    </rPh>
    <phoneticPr fontId="1"/>
  </si>
  <si>
    <t>うちゅう保育園かまくら</t>
    <rPh sb="4" eb="7">
      <t>ホイクエン</t>
    </rPh>
    <phoneticPr fontId="1"/>
  </si>
  <si>
    <t>翠峰会</t>
    <rPh sb="0" eb="3">
      <t>スイホウカイ</t>
    </rPh>
    <phoneticPr fontId="1"/>
  </si>
  <si>
    <t>鎌倉市扇ガ谷1-1-31</t>
    <rPh sb="0" eb="3">
      <t>カマクラシ</t>
    </rPh>
    <rPh sb="3" eb="4">
      <t>オオギ</t>
    </rPh>
    <rPh sb="5" eb="6">
      <t>タニ</t>
    </rPh>
    <phoneticPr fontId="1"/>
  </si>
  <si>
    <t>保育所のぞみ</t>
    <rPh sb="0" eb="2">
      <t>ホイク</t>
    </rPh>
    <rPh sb="2" eb="3">
      <t>ショ</t>
    </rPh>
    <phoneticPr fontId="1"/>
  </si>
  <si>
    <t>鎌倉のぞみ会</t>
    <rPh sb="0" eb="2">
      <t>カマクラ</t>
    </rPh>
    <rPh sb="5" eb="6">
      <t>カイ</t>
    </rPh>
    <phoneticPr fontId="1"/>
  </si>
  <si>
    <t>吉岡希一</t>
    <rPh sb="0" eb="2">
      <t>ヨシオカ</t>
    </rPh>
    <rPh sb="2" eb="4">
      <t>キイチ</t>
    </rPh>
    <phoneticPr fontId="1"/>
  </si>
  <si>
    <t>鎌倉市小町2-11-4</t>
    <rPh sb="0" eb="3">
      <t>カマクラシ</t>
    </rPh>
    <rPh sb="3" eb="5">
      <t>コマチ</t>
    </rPh>
    <phoneticPr fontId="1"/>
  </si>
  <si>
    <t>あっぷる園</t>
    <rPh sb="4" eb="5">
      <t>エン</t>
    </rPh>
    <phoneticPr fontId="1"/>
  </si>
  <si>
    <t>林檎舎ノア</t>
    <rPh sb="0" eb="2">
      <t>リンゴ</t>
    </rPh>
    <rPh sb="2" eb="3">
      <t>シャ</t>
    </rPh>
    <phoneticPr fontId="1"/>
  </si>
  <si>
    <t>大和市南林間1-8-3　2階</t>
    <rPh sb="0" eb="3">
      <t>ヤマトシ</t>
    </rPh>
    <rPh sb="3" eb="6">
      <t>ミナミリンカン</t>
    </rPh>
    <rPh sb="13" eb="14">
      <t>カイ</t>
    </rPh>
    <phoneticPr fontId="1"/>
  </si>
  <si>
    <t>プレマ会えびなの風保育園</t>
    <rPh sb="3" eb="4">
      <t>カイ</t>
    </rPh>
    <rPh sb="8" eb="9">
      <t>カゼ</t>
    </rPh>
    <rPh sb="9" eb="12">
      <t>ホイクエン</t>
    </rPh>
    <phoneticPr fontId="1"/>
  </si>
  <si>
    <t>プレマ会</t>
    <rPh sb="3" eb="4">
      <t>カイ</t>
    </rPh>
    <phoneticPr fontId="1"/>
  </si>
  <si>
    <t>林まち子</t>
    <rPh sb="0" eb="1">
      <t>ハヤシ</t>
    </rPh>
    <rPh sb="3" eb="4">
      <t>コ</t>
    </rPh>
    <phoneticPr fontId="1"/>
  </si>
  <si>
    <t>厚木こばと保育園</t>
    <rPh sb="0" eb="2">
      <t>アツギ</t>
    </rPh>
    <rPh sb="5" eb="8">
      <t>ホイクエン</t>
    </rPh>
    <phoneticPr fontId="1"/>
  </si>
  <si>
    <t>新考会</t>
    <phoneticPr fontId="1"/>
  </si>
  <si>
    <t>太田末子</t>
    <rPh sb="0" eb="2">
      <t>オオタ</t>
    </rPh>
    <rPh sb="2" eb="4">
      <t>スエコ</t>
    </rPh>
    <phoneticPr fontId="1"/>
  </si>
  <si>
    <t>厚木市中町3-11-20　4階</t>
    <rPh sb="0" eb="3">
      <t>アツギシ</t>
    </rPh>
    <rPh sb="3" eb="5">
      <t>ナカマチ</t>
    </rPh>
    <rPh sb="14" eb="15">
      <t>カイ</t>
    </rPh>
    <phoneticPr fontId="1"/>
  </si>
  <si>
    <t>海老名市</t>
    <phoneticPr fontId="1"/>
  </si>
  <si>
    <t>上河内保育園</t>
    <rPh sb="0" eb="1">
      <t>カミ</t>
    </rPh>
    <rPh sb="1" eb="3">
      <t>カワウチ</t>
    </rPh>
    <rPh sb="3" eb="6">
      <t>ホイクエン</t>
    </rPh>
    <phoneticPr fontId="1"/>
  </si>
  <si>
    <t>市町村</t>
    <rPh sb="0" eb="3">
      <t>シチョウソン</t>
    </rPh>
    <phoneticPr fontId="1"/>
  </si>
  <si>
    <t>海老名市上河内258番地の３</t>
    <rPh sb="0" eb="4">
      <t>エビナシ</t>
    </rPh>
    <rPh sb="4" eb="5">
      <t>カミ</t>
    </rPh>
    <rPh sb="10" eb="12">
      <t>バンチ</t>
    </rPh>
    <phoneticPr fontId="1"/>
  </si>
  <si>
    <t>243-0415</t>
    <phoneticPr fontId="1"/>
  </si>
  <si>
    <t>藤沢市</t>
    <rPh sb="0" eb="2">
      <t>フジサワ</t>
    </rPh>
    <rPh sb="2" eb="3">
      <t>シ</t>
    </rPh>
    <phoneticPr fontId="1"/>
  </si>
  <si>
    <t>にじいろ保育園本鵠沼</t>
    <rPh sb="4" eb="7">
      <t>ホイクエン</t>
    </rPh>
    <rPh sb="7" eb="8">
      <t>ホン</t>
    </rPh>
    <rPh sb="8" eb="10">
      <t>クゲヌマ</t>
    </rPh>
    <phoneticPr fontId="1"/>
  </si>
  <si>
    <t>株式会社</t>
    <rPh sb="0" eb="4">
      <t>カブシキガイシャ</t>
    </rPh>
    <phoneticPr fontId="1"/>
  </si>
  <si>
    <t>石原　裕子</t>
    <rPh sb="0" eb="2">
      <t>イシハラ</t>
    </rPh>
    <rPh sb="3" eb="4">
      <t>ユウ</t>
    </rPh>
    <rPh sb="4" eb="5">
      <t>コ</t>
    </rPh>
    <phoneticPr fontId="1"/>
  </si>
  <si>
    <t>藤沢市鵠沼桜が岡3－4－16</t>
    <rPh sb="0" eb="2">
      <t>フジサワ</t>
    </rPh>
    <rPh sb="2" eb="3">
      <t>シ</t>
    </rPh>
    <rPh sb="3" eb="5">
      <t>クゲヌマ</t>
    </rPh>
    <rPh sb="5" eb="6">
      <t>サクラ</t>
    </rPh>
    <rPh sb="7" eb="8">
      <t>オカ</t>
    </rPh>
    <phoneticPr fontId="1"/>
  </si>
  <si>
    <t>湘南まるめろ保育園</t>
    <rPh sb="0" eb="2">
      <t>ショウナン</t>
    </rPh>
    <rPh sb="6" eb="9">
      <t>ホイクエン</t>
    </rPh>
    <phoneticPr fontId="1"/>
  </si>
  <si>
    <t>永寿会</t>
    <rPh sb="0" eb="2">
      <t>エイジュ</t>
    </rPh>
    <rPh sb="2" eb="3">
      <t>カイ</t>
    </rPh>
    <phoneticPr fontId="1"/>
  </si>
  <si>
    <t>藤沢市城南1－16－16</t>
    <rPh sb="0" eb="2">
      <t>フジサワ</t>
    </rPh>
    <rPh sb="2" eb="3">
      <t>シ</t>
    </rPh>
    <rPh sb="3" eb="4">
      <t>シロ</t>
    </rPh>
    <rPh sb="4" eb="5">
      <t>ミナミ</t>
    </rPh>
    <phoneticPr fontId="1"/>
  </si>
  <si>
    <t>すまいるステーション保育園</t>
    <rPh sb="10" eb="13">
      <t>ホイクエン</t>
    </rPh>
    <phoneticPr fontId="1"/>
  </si>
  <si>
    <t>ライフピーススマイル</t>
    <phoneticPr fontId="1"/>
  </si>
  <si>
    <t>飯島　若菜</t>
    <rPh sb="0" eb="2">
      <t>イイジマ</t>
    </rPh>
    <rPh sb="3" eb="5">
      <t>ワカナ</t>
    </rPh>
    <phoneticPr fontId="1"/>
  </si>
  <si>
    <t>茅ヶ崎市東海岸南1－4－6</t>
    <rPh sb="0" eb="4">
      <t>チガサキシ</t>
    </rPh>
    <rPh sb="4" eb="5">
      <t>ヒガシ</t>
    </rPh>
    <rPh sb="5" eb="7">
      <t>カイガン</t>
    </rPh>
    <rPh sb="7" eb="8">
      <t>ミナミ</t>
    </rPh>
    <phoneticPr fontId="1"/>
  </si>
  <si>
    <t>アスク鶴間保育園</t>
    <rPh sb="3" eb="5">
      <t>ツルマ</t>
    </rPh>
    <rPh sb="5" eb="8">
      <t>ホイクエン</t>
    </rPh>
    <phoneticPr fontId="1"/>
  </si>
  <si>
    <t>大和市下鶴間2785－10</t>
    <rPh sb="0" eb="2">
      <t>ヤマト</t>
    </rPh>
    <rPh sb="2" eb="3">
      <t>シ</t>
    </rPh>
    <rPh sb="3" eb="6">
      <t>シモツルマ</t>
    </rPh>
    <phoneticPr fontId="1"/>
  </si>
  <si>
    <t>湘南アイルド逗子保育園</t>
    <rPh sb="0" eb="2">
      <t>ショウナン</t>
    </rPh>
    <rPh sb="6" eb="8">
      <t>ズシ</t>
    </rPh>
    <rPh sb="8" eb="11">
      <t>ホイクエン</t>
    </rPh>
    <phoneticPr fontId="1"/>
  </si>
  <si>
    <t>湘南アイルド</t>
    <rPh sb="0" eb="2">
      <t>ショウナン</t>
    </rPh>
    <phoneticPr fontId="1"/>
  </si>
  <si>
    <t>高橋妙貴</t>
    <rPh sb="2" eb="3">
      <t>タエ</t>
    </rPh>
    <rPh sb="3" eb="4">
      <t>キ</t>
    </rPh>
    <phoneticPr fontId="1"/>
  </si>
  <si>
    <t>逗子市逗子1-1-3　5階</t>
    <rPh sb="0" eb="3">
      <t>ズシシ</t>
    </rPh>
    <rPh sb="3" eb="5">
      <t>ズシ</t>
    </rPh>
    <rPh sb="12" eb="13">
      <t>カイ</t>
    </rPh>
    <phoneticPr fontId="1"/>
  </si>
  <si>
    <t>大和ひまわり保育園</t>
    <rPh sb="0" eb="2">
      <t>ヤマト</t>
    </rPh>
    <rPh sb="6" eb="9">
      <t>ホイクエン</t>
    </rPh>
    <phoneticPr fontId="1"/>
  </si>
  <si>
    <t>末原さちえ</t>
    <rPh sb="0" eb="2">
      <t>スエハラ</t>
    </rPh>
    <phoneticPr fontId="1"/>
  </si>
  <si>
    <t>大和市西鶴間1-14-9</t>
    <rPh sb="3" eb="6">
      <t>ニシツルマ</t>
    </rPh>
    <phoneticPr fontId="1"/>
  </si>
  <si>
    <t>大和ひまわり保育園分園</t>
    <rPh sb="0" eb="2">
      <t>ヤマト</t>
    </rPh>
    <rPh sb="6" eb="9">
      <t>ホイクエン</t>
    </rPh>
    <rPh sb="9" eb="10">
      <t>ブン</t>
    </rPh>
    <rPh sb="10" eb="11">
      <t>エン</t>
    </rPh>
    <phoneticPr fontId="1"/>
  </si>
  <si>
    <t>大和市西鶴間1-4-3</t>
    <rPh sb="3" eb="6">
      <t>ニシツルマ</t>
    </rPh>
    <phoneticPr fontId="1"/>
  </si>
  <si>
    <t>(24)</t>
    <phoneticPr fontId="1"/>
  </si>
  <si>
    <t>松浦　洋子</t>
    <rPh sb="0" eb="2">
      <t>マツウラ</t>
    </rPh>
    <rPh sb="3" eb="5">
      <t>ヨウコ</t>
    </rPh>
    <phoneticPr fontId="1"/>
  </si>
  <si>
    <t>草柳　悦子</t>
    <rPh sb="0" eb="2">
      <t>クサヤナギ</t>
    </rPh>
    <rPh sb="3" eb="5">
      <t>エツコ</t>
    </rPh>
    <phoneticPr fontId="1"/>
  </si>
  <si>
    <t>佐藤　育美</t>
    <rPh sb="3" eb="5">
      <t>イクミ</t>
    </rPh>
    <phoneticPr fontId="1"/>
  </si>
  <si>
    <t>ぽかぽか保育園</t>
    <rPh sb="4" eb="7">
      <t>ホイクエン</t>
    </rPh>
    <phoneticPr fontId="1"/>
  </si>
  <si>
    <t>消費生活協同組合</t>
    <rPh sb="0" eb="2">
      <t>ショウヒ</t>
    </rPh>
    <rPh sb="2" eb="4">
      <t>セイカツ</t>
    </rPh>
    <rPh sb="4" eb="6">
      <t>キョウドウ</t>
    </rPh>
    <rPh sb="6" eb="8">
      <t>クミアイ</t>
    </rPh>
    <phoneticPr fontId="1"/>
  </si>
  <si>
    <t>生活クラブ生活協同組合</t>
    <rPh sb="0" eb="2">
      <t>セイカツ</t>
    </rPh>
    <rPh sb="5" eb="7">
      <t>セイカツ</t>
    </rPh>
    <rPh sb="7" eb="9">
      <t>キョウドウ</t>
    </rPh>
    <rPh sb="9" eb="11">
      <t>クミアイ</t>
    </rPh>
    <phoneticPr fontId="1"/>
  </si>
  <si>
    <t>茅ヶ崎市茅ヶ崎234－1  2階</t>
    <rPh sb="0" eb="4">
      <t>チガサキシ</t>
    </rPh>
    <rPh sb="4" eb="7">
      <t>チガサキ</t>
    </rPh>
    <rPh sb="15" eb="16">
      <t>カイ</t>
    </rPh>
    <phoneticPr fontId="1"/>
  </si>
  <si>
    <t>マミー保育園茅ヶ崎</t>
    <rPh sb="3" eb="6">
      <t>ホイクエン</t>
    </rPh>
    <rPh sb="6" eb="9">
      <t>チガサキ</t>
    </rPh>
    <phoneticPr fontId="1"/>
  </si>
  <si>
    <t>マミー・インターナショナル</t>
    <phoneticPr fontId="1"/>
  </si>
  <si>
    <t>鈴木　洋子</t>
    <rPh sb="3" eb="5">
      <t>ヨウコ</t>
    </rPh>
    <phoneticPr fontId="1"/>
  </si>
  <si>
    <t>NPO法人</t>
    <rPh sb="3" eb="5">
      <t>ホウジン</t>
    </rPh>
    <phoneticPr fontId="1"/>
  </si>
  <si>
    <t>湘南おひさま会</t>
    <rPh sb="0" eb="2">
      <t>ショウナン</t>
    </rPh>
    <rPh sb="6" eb="7">
      <t>カイ</t>
    </rPh>
    <phoneticPr fontId="1"/>
  </si>
  <si>
    <t>湘南平塚あゆみ保育園</t>
    <rPh sb="0" eb="2">
      <t>ショウナン</t>
    </rPh>
    <rPh sb="2" eb="4">
      <t>ヒラツカ</t>
    </rPh>
    <rPh sb="7" eb="10">
      <t>ホイクエン</t>
    </rPh>
    <phoneticPr fontId="1"/>
  </si>
  <si>
    <t>吉岡　永子</t>
  </si>
  <si>
    <t>平塚市宮の前８－31</t>
  </si>
  <si>
    <t>くまのこ保育園</t>
    <rPh sb="4" eb="7">
      <t>ホイクエン</t>
    </rPh>
    <phoneticPr fontId="1"/>
  </si>
  <si>
    <t>鈴木　裕子</t>
    <phoneticPr fontId="1"/>
  </si>
  <si>
    <t>平塚市錦町９－15</t>
    <phoneticPr fontId="1"/>
  </si>
  <si>
    <t xml:space="preserve"> 254-0035 </t>
    <phoneticPr fontId="1"/>
  </si>
  <si>
    <t xml:space="preserve"> 254-0044 </t>
    <phoneticPr fontId="1"/>
  </si>
  <si>
    <t xml:space="preserve"> 248-0011 </t>
    <phoneticPr fontId="1"/>
  </si>
  <si>
    <t xml:space="preserve"> 248-0006 </t>
    <phoneticPr fontId="1"/>
  </si>
  <si>
    <t xml:space="preserve"> 252-0804 </t>
    <phoneticPr fontId="1"/>
  </si>
  <si>
    <t xml:space="preserve"> 251-0027 </t>
    <phoneticPr fontId="1"/>
  </si>
  <si>
    <t xml:space="preserve"> 251-0057 </t>
    <phoneticPr fontId="1"/>
  </si>
  <si>
    <t xml:space="preserve"> 253-0054 </t>
    <phoneticPr fontId="1"/>
  </si>
  <si>
    <t xml:space="preserve"> 253-0041 </t>
    <phoneticPr fontId="1"/>
  </si>
  <si>
    <t xml:space="preserve"> 253-0052 </t>
    <phoneticPr fontId="1"/>
  </si>
  <si>
    <t xml:space="preserve"> 249-0006 </t>
    <phoneticPr fontId="1"/>
  </si>
  <si>
    <t xml:space="preserve"> 257-0002 </t>
    <phoneticPr fontId="1"/>
  </si>
  <si>
    <t xml:space="preserve"> 243-0018 </t>
    <phoneticPr fontId="1"/>
  </si>
  <si>
    <t xml:space="preserve"> 242-0005 </t>
    <phoneticPr fontId="1"/>
  </si>
  <si>
    <t xml:space="preserve"> 242-0007 </t>
    <phoneticPr fontId="1"/>
  </si>
  <si>
    <t xml:space="preserve"> 242-0006 </t>
    <phoneticPr fontId="1"/>
  </si>
  <si>
    <t xml:space="preserve"> 242-0024 </t>
    <phoneticPr fontId="1"/>
  </si>
  <si>
    <t xml:space="preserve"> 242-0001 </t>
    <phoneticPr fontId="1"/>
  </si>
  <si>
    <t xml:space="preserve"> 253-0113 </t>
    <phoneticPr fontId="1"/>
  </si>
  <si>
    <t>藤沢市</t>
    <rPh sb="0" eb="2">
      <t>フジサワ</t>
    </rPh>
    <rPh sb="2" eb="3">
      <t>シ</t>
    </rPh>
    <phoneticPr fontId="1"/>
  </si>
  <si>
    <t>湘南台もりのこ保育園</t>
    <rPh sb="0" eb="3">
      <t>ショウナンダイ</t>
    </rPh>
    <rPh sb="7" eb="10">
      <t>ホイクエン</t>
    </rPh>
    <phoneticPr fontId="1"/>
  </si>
  <si>
    <t>茅ヶ崎ゆめいろ保育園</t>
    <rPh sb="0" eb="3">
      <t>チガサキ</t>
    </rPh>
    <rPh sb="7" eb="10">
      <t>ホイクエン</t>
    </rPh>
    <phoneticPr fontId="1"/>
  </si>
  <si>
    <t>大和市</t>
    <rPh sb="0" eb="2">
      <t>ヤマト</t>
    </rPh>
    <rPh sb="2" eb="3">
      <t>シ</t>
    </rPh>
    <phoneticPr fontId="1"/>
  </si>
  <si>
    <t>046-278-1223</t>
    <phoneticPr fontId="1"/>
  </si>
  <si>
    <t>046-205-8775</t>
    <phoneticPr fontId="1"/>
  </si>
  <si>
    <t>茅ヶ崎市新栄町12-12　トラストビル１階</t>
    <phoneticPr fontId="1"/>
  </si>
  <si>
    <t>ステーション</t>
    <phoneticPr fontId="1"/>
  </si>
  <si>
    <t>株式会社</t>
    <rPh sb="0" eb="4">
      <t>カブシキガイシャ</t>
    </rPh>
    <phoneticPr fontId="1"/>
  </si>
  <si>
    <t>竹中　久美子</t>
    <phoneticPr fontId="1"/>
  </si>
  <si>
    <t>253-0044</t>
    <phoneticPr fontId="1"/>
  </si>
  <si>
    <t>中村　麗子</t>
    <rPh sb="0" eb="2">
      <t>ナカムラ</t>
    </rPh>
    <rPh sb="3" eb="5">
      <t>レイコ</t>
    </rPh>
    <phoneticPr fontId="1"/>
  </si>
  <si>
    <t>0463-24-3833</t>
    <phoneticPr fontId="1"/>
  </si>
  <si>
    <t>0463-73-6702</t>
    <phoneticPr fontId="1"/>
  </si>
  <si>
    <t>0463-73-6701</t>
    <phoneticPr fontId="1"/>
  </si>
  <si>
    <t>0463-24-3751</t>
    <phoneticPr fontId="1"/>
  </si>
  <si>
    <t>本厚木さくらんぼ保育園</t>
    <rPh sb="0" eb="3">
      <t>ホンアツギ</t>
    </rPh>
    <rPh sb="8" eb="11">
      <t>ホイクエン</t>
    </rPh>
    <phoneticPr fontId="1"/>
  </si>
  <si>
    <t>キッズ湘南</t>
    <rPh sb="3" eb="5">
      <t>ショウナン</t>
    </rPh>
    <phoneticPr fontId="1"/>
  </si>
  <si>
    <t>佐野　宏子</t>
    <rPh sb="0" eb="2">
      <t>サノ</t>
    </rPh>
    <rPh sb="3" eb="5">
      <t>ヒロコ</t>
    </rPh>
    <phoneticPr fontId="1"/>
  </si>
  <si>
    <t>厚木市田村町1-29-2</t>
    <rPh sb="0" eb="3">
      <t>アツギシ</t>
    </rPh>
    <rPh sb="3" eb="6">
      <t>タムラチョウ</t>
    </rPh>
    <phoneticPr fontId="1"/>
  </si>
  <si>
    <t>046-224-3184</t>
    <phoneticPr fontId="1"/>
  </si>
  <si>
    <t>243-0016</t>
    <phoneticPr fontId="1"/>
  </si>
  <si>
    <t>本厚木ふたば保育園</t>
    <rPh sb="0" eb="3">
      <t>ホンアツギ</t>
    </rPh>
    <rPh sb="6" eb="9">
      <t>ホイクエン</t>
    </rPh>
    <phoneticPr fontId="1"/>
  </si>
  <si>
    <t>緑友会</t>
    <rPh sb="0" eb="1">
      <t>ミドリ</t>
    </rPh>
    <rPh sb="1" eb="2">
      <t>トモ</t>
    </rPh>
    <rPh sb="2" eb="3">
      <t>カイ</t>
    </rPh>
    <phoneticPr fontId="1"/>
  </si>
  <si>
    <t>霜島　裕美子</t>
    <rPh sb="0" eb="1">
      <t>シモ</t>
    </rPh>
    <rPh sb="1" eb="2">
      <t>シマ</t>
    </rPh>
    <rPh sb="3" eb="6">
      <t>ユミコ</t>
    </rPh>
    <phoneticPr fontId="1"/>
  </si>
  <si>
    <t>厚木市田村町7-3レジェンド本厚木2階</t>
    <rPh sb="0" eb="3">
      <t>アツギシ</t>
    </rPh>
    <rPh sb="3" eb="6">
      <t>タムラチョウ</t>
    </rPh>
    <rPh sb="14" eb="17">
      <t>ホンアツギ</t>
    </rPh>
    <rPh sb="18" eb="19">
      <t>カイ</t>
    </rPh>
    <phoneticPr fontId="1"/>
  </si>
  <si>
    <t>046-295-2525</t>
    <phoneticPr fontId="1"/>
  </si>
  <si>
    <t>南鴨宮あいじ園</t>
    <rPh sb="0" eb="1">
      <t>ミナミ</t>
    </rPh>
    <rPh sb="1" eb="2">
      <t>カモ</t>
    </rPh>
    <rPh sb="2" eb="3">
      <t>ミヤ</t>
    </rPh>
    <rPh sb="6" eb="7">
      <t>エン</t>
    </rPh>
    <phoneticPr fontId="1"/>
  </si>
  <si>
    <t>野田　浩司</t>
    <rPh sb="0" eb="2">
      <t>ノダ</t>
    </rPh>
    <rPh sb="3" eb="5">
      <t>コウジ</t>
    </rPh>
    <phoneticPr fontId="1"/>
  </si>
  <si>
    <t>小田原市南鴨宮3-48-12</t>
    <rPh sb="0" eb="4">
      <t>オダワラシ</t>
    </rPh>
    <rPh sb="4" eb="5">
      <t>ミナミ</t>
    </rPh>
    <rPh sb="5" eb="6">
      <t>カモ</t>
    </rPh>
    <rPh sb="6" eb="7">
      <t>ミヤ</t>
    </rPh>
    <phoneticPr fontId="1"/>
  </si>
  <si>
    <t>250-0875</t>
    <phoneticPr fontId="1"/>
  </si>
  <si>
    <t>保育園大地</t>
    <rPh sb="0" eb="3">
      <t>ホイクエン</t>
    </rPh>
    <rPh sb="3" eb="5">
      <t>ダイチ</t>
    </rPh>
    <phoneticPr fontId="1"/>
  </si>
  <si>
    <t>株式会社</t>
    <rPh sb="0" eb="4">
      <t>カブシキガイシャ</t>
    </rPh>
    <phoneticPr fontId="1"/>
  </si>
  <si>
    <t>スポーツプラザ報徳</t>
    <rPh sb="7" eb="9">
      <t>ホウトク</t>
    </rPh>
    <phoneticPr fontId="1"/>
  </si>
  <si>
    <t>中嶋　由佳</t>
    <rPh sb="0" eb="2">
      <t>ナカジマ</t>
    </rPh>
    <rPh sb="3" eb="5">
      <t>ユカ</t>
    </rPh>
    <phoneticPr fontId="1"/>
  </si>
  <si>
    <t>小田原市堀之内458</t>
    <rPh sb="0" eb="4">
      <t>オダワラシ</t>
    </rPh>
    <rPh sb="4" eb="7">
      <t>ホリノウチ</t>
    </rPh>
    <phoneticPr fontId="1"/>
  </si>
  <si>
    <t>250-0853</t>
    <phoneticPr fontId="1"/>
  </si>
  <si>
    <t>0465-37-3978</t>
    <phoneticPr fontId="1"/>
  </si>
  <si>
    <t>お花畑保育園</t>
    <rPh sb="1" eb="3">
      <t>ハナバタケ</t>
    </rPh>
    <rPh sb="3" eb="6">
      <t>ホイクエン</t>
    </rPh>
    <phoneticPr fontId="1"/>
  </si>
  <si>
    <t>西湘エンタープライズ</t>
    <rPh sb="1" eb="2">
      <t>ショウ</t>
    </rPh>
    <phoneticPr fontId="1"/>
  </si>
  <si>
    <t>石井　真子</t>
    <rPh sb="0" eb="2">
      <t>イシイ</t>
    </rPh>
    <rPh sb="3" eb="5">
      <t>マコ</t>
    </rPh>
    <phoneticPr fontId="1"/>
  </si>
  <si>
    <t>小田原市南鴨宮3-23-24</t>
    <rPh sb="0" eb="4">
      <t>オダワラシ</t>
    </rPh>
    <rPh sb="4" eb="5">
      <t>ミナミ</t>
    </rPh>
    <rPh sb="5" eb="6">
      <t>カモ</t>
    </rPh>
    <rPh sb="6" eb="7">
      <t>ミヤ</t>
    </rPh>
    <phoneticPr fontId="1"/>
  </si>
  <si>
    <t>0465-46-0872</t>
    <phoneticPr fontId="1"/>
  </si>
  <si>
    <t>0465-46-0873</t>
    <phoneticPr fontId="1"/>
  </si>
  <si>
    <t>もこもこ保育園</t>
    <rPh sb="4" eb="7">
      <t>ホイクエン</t>
    </rPh>
    <phoneticPr fontId="1"/>
  </si>
  <si>
    <t>大和子どもミニデイサービスワーカーズ・コレクティブもこもこ</t>
    <rPh sb="0" eb="2">
      <t>ヤマト</t>
    </rPh>
    <rPh sb="2" eb="3">
      <t>コ</t>
    </rPh>
    <phoneticPr fontId="1"/>
  </si>
  <si>
    <t>大和市中央林間4-21-3リュミエール中央林間</t>
    <rPh sb="0" eb="2">
      <t>ヤマト</t>
    </rPh>
    <rPh sb="2" eb="3">
      <t>シ</t>
    </rPh>
    <rPh sb="3" eb="7">
      <t>チュウオウリンカン</t>
    </rPh>
    <rPh sb="19" eb="23">
      <t>チュウオウリンカン</t>
    </rPh>
    <phoneticPr fontId="1"/>
  </si>
  <si>
    <t>武内　律子</t>
    <rPh sb="0" eb="2">
      <t>タケウチ</t>
    </rPh>
    <rPh sb="3" eb="5">
      <t>リツコ</t>
    </rPh>
    <phoneticPr fontId="1"/>
  </si>
  <si>
    <t>242-0007</t>
    <phoneticPr fontId="1"/>
  </si>
  <si>
    <t>046-277-2480</t>
    <phoneticPr fontId="1"/>
  </si>
  <si>
    <t>中央林間もりのこ保育園</t>
    <rPh sb="0" eb="4">
      <t>チュウオウリンカン</t>
    </rPh>
    <rPh sb="8" eb="11">
      <t>ホイクエン</t>
    </rPh>
    <phoneticPr fontId="1"/>
  </si>
  <si>
    <t>こどもの森</t>
    <rPh sb="4" eb="5">
      <t>モリ</t>
    </rPh>
    <phoneticPr fontId="1"/>
  </si>
  <si>
    <t>川島　幸恵</t>
    <rPh sb="0" eb="2">
      <t>カワシマ</t>
    </rPh>
    <rPh sb="3" eb="5">
      <t>サチエ</t>
    </rPh>
    <phoneticPr fontId="1"/>
  </si>
  <si>
    <t>大和市中央林間西5-14-14</t>
    <rPh sb="0" eb="2">
      <t>ヤマト</t>
    </rPh>
    <rPh sb="2" eb="3">
      <t>シ</t>
    </rPh>
    <rPh sb="3" eb="7">
      <t>チュウオウリンカン</t>
    </rPh>
    <rPh sb="7" eb="8">
      <t>ニシ</t>
    </rPh>
    <phoneticPr fontId="1"/>
  </si>
  <si>
    <t>242-0008</t>
    <phoneticPr fontId="1"/>
  </si>
  <si>
    <t>河原田　ゆかり</t>
    <rPh sb="0" eb="3">
      <t>カワハラダ</t>
    </rPh>
    <phoneticPr fontId="1"/>
  </si>
  <si>
    <t>藤沢市湘南台1-21-10</t>
    <rPh sb="0" eb="3">
      <t>フジサワシ</t>
    </rPh>
    <rPh sb="3" eb="6">
      <t>ショウナンダイ</t>
    </rPh>
    <phoneticPr fontId="1"/>
  </si>
  <si>
    <t>252-0804</t>
    <phoneticPr fontId="1"/>
  </si>
  <si>
    <t>0467-83-1022</t>
    <phoneticPr fontId="1"/>
  </si>
  <si>
    <t>0467-82-1119</t>
    <phoneticPr fontId="1"/>
  </si>
  <si>
    <t>0467-84-9646</t>
    <phoneticPr fontId="1"/>
  </si>
  <si>
    <t>0467-84-9647</t>
    <phoneticPr fontId="1"/>
  </si>
  <si>
    <t>0467-55-2032</t>
    <phoneticPr fontId="1"/>
  </si>
  <si>
    <t>046-206-5481</t>
    <phoneticPr fontId="1"/>
  </si>
  <si>
    <t>046-873-9536</t>
    <phoneticPr fontId="1"/>
  </si>
  <si>
    <t>NPO</t>
    <phoneticPr fontId="1"/>
  </si>
  <si>
    <t>大和市</t>
    <rPh sb="0" eb="2">
      <t>ヤマト</t>
    </rPh>
    <rPh sb="2" eb="3">
      <t>シ</t>
    </rPh>
    <phoneticPr fontId="1"/>
  </si>
  <si>
    <t>西鶴間保育園</t>
    <rPh sb="0" eb="1">
      <t>ニシ</t>
    </rPh>
    <rPh sb="1" eb="3">
      <t>ツルマ</t>
    </rPh>
    <rPh sb="3" eb="6">
      <t>ホイクエン</t>
    </rPh>
    <phoneticPr fontId="1"/>
  </si>
  <si>
    <t>県央福祉会</t>
    <phoneticPr fontId="1"/>
  </si>
  <si>
    <t>入野　多加子</t>
    <phoneticPr fontId="1"/>
  </si>
  <si>
    <t>大和市西鶴間４丁目12番34号</t>
    <phoneticPr fontId="1"/>
  </si>
  <si>
    <t>046-206-5534</t>
    <phoneticPr fontId="1"/>
  </si>
  <si>
    <t>046-206-5524</t>
    <phoneticPr fontId="1"/>
  </si>
  <si>
    <t>242-0005</t>
    <phoneticPr fontId="1"/>
  </si>
  <si>
    <t>多川　暢子</t>
    <rPh sb="0" eb="2">
      <t>タガワ</t>
    </rPh>
    <rPh sb="3" eb="4">
      <t>ノブ</t>
    </rPh>
    <rPh sb="4" eb="5">
      <t>コ</t>
    </rPh>
    <phoneticPr fontId="1"/>
  </si>
  <si>
    <t>座間市相武台3-20-19</t>
    <rPh sb="3" eb="6">
      <t>ソウブダイ</t>
    </rPh>
    <phoneticPr fontId="1"/>
  </si>
  <si>
    <t>0467-75-9100</t>
    <phoneticPr fontId="1"/>
  </si>
  <si>
    <t>0467-40-4670</t>
    <phoneticPr fontId="1"/>
  </si>
  <si>
    <t xml:space="preserve"> 0467-81-4560 </t>
    <phoneticPr fontId="1"/>
  </si>
  <si>
    <t>0466-41-9111</t>
    <phoneticPr fontId="1"/>
  </si>
  <si>
    <t>0466-41-9100</t>
    <phoneticPr fontId="1"/>
  </si>
  <si>
    <t>0465-49-3550</t>
    <phoneticPr fontId="1"/>
  </si>
  <si>
    <t xml:space="preserve"> 0463-77-6870 </t>
    <phoneticPr fontId="1"/>
  </si>
  <si>
    <t>046-222-5810</t>
    <phoneticPr fontId="1"/>
  </si>
  <si>
    <t>046-275-8777</t>
    <phoneticPr fontId="1"/>
  </si>
  <si>
    <t>046-273-8066</t>
    <phoneticPr fontId="1"/>
  </si>
  <si>
    <t>046-259-6415</t>
    <phoneticPr fontId="1"/>
  </si>
  <si>
    <t>046-219-3722</t>
    <phoneticPr fontId="1"/>
  </si>
  <si>
    <t>046-272-2844</t>
    <phoneticPr fontId="1"/>
  </si>
  <si>
    <t>046-276-0008</t>
    <phoneticPr fontId="1"/>
  </si>
  <si>
    <t>046-239-3601</t>
    <phoneticPr fontId="1"/>
  </si>
  <si>
    <t>0466-53-8014</t>
    <phoneticPr fontId="1"/>
  </si>
  <si>
    <t>0466-53-8444</t>
    <phoneticPr fontId="1"/>
  </si>
  <si>
    <t>0466-36-0500</t>
    <phoneticPr fontId="1"/>
  </si>
  <si>
    <t>0466-36-0515</t>
    <phoneticPr fontId="1"/>
  </si>
  <si>
    <t>0466-41-5355</t>
    <phoneticPr fontId="1"/>
  </si>
  <si>
    <t>瀬山　さと子</t>
    <rPh sb="0" eb="2">
      <t>セヤマ</t>
    </rPh>
    <rPh sb="5" eb="6">
      <t>コ</t>
    </rPh>
    <phoneticPr fontId="1"/>
  </si>
  <si>
    <t>笹野　つる子</t>
    <rPh sb="0" eb="2">
      <t>ササノ</t>
    </rPh>
    <rPh sb="5" eb="6">
      <t>コ</t>
    </rPh>
    <phoneticPr fontId="1"/>
  </si>
  <si>
    <t>岡本　多鶴子</t>
    <rPh sb="0" eb="2">
      <t>オカモト</t>
    </rPh>
    <rPh sb="3" eb="4">
      <t>タ</t>
    </rPh>
    <rPh sb="4" eb="5">
      <t>ツル</t>
    </rPh>
    <rPh sb="5" eb="6">
      <t>コ</t>
    </rPh>
    <phoneticPr fontId="1"/>
  </si>
  <si>
    <t>佐藤　ますみ</t>
    <rPh sb="0" eb="2">
      <t>サトウ</t>
    </rPh>
    <phoneticPr fontId="1"/>
  </si>
  <si>
    <t>露木　勇友</t>
    <rPh sb="0" eb="2">
      <t>ツユキ</t>
    </rPh>
    <rPh sb="3" eb="4">
      <t>ユウ</t>
    </rPh>
    <rPh sb="4" eb="5">
      <t>トモ</t>
    </rPh>
    <phoneticPr fontId="1"/>
  </si>
  <si>
    <t>046-224-4670</t>
    <phoneticPr fontId="1"/>
  </si>
  <si>
    <t>茅ヶ崎市浜見平11-1</t>
    <phoneticPr fontId="1"/>
  </si>
  <si>
    <t>みどり保育園</t>
    <rPh sb="3" eb="5">
      <t>ホイク</t>
    </rPh>
    <rPh sb="5" eb="6">
      <t>エン</t>
    </rPh>
    <phoneticPr fontId="1"/>
  </si>
  <si>
    <t>山崎　隆史</t>
    <rPh sb="0" eb="2">
      <t>ヤマザキ</t>
    </rPh>
    <rPh sb="3" eb="5">
      <t>タカフミ</t>
    </rPh>
    <phoneticPr fontId="1"/>
  </si>
  <si>
    <t>243-0031</t>
  </si>
  <si>
    <t>厚木市戸室3-3-11</t>
    <rPh sb="3" eb="5">
      <t>トムロ</t>
    </rPh>
    <phoneticPr fontId="1"/>
  </si>
  <si>
    <t>046-223-7555</t>
  </si>
  <si>
    <t>046-222-5714</t>
  </si>
  <si>
    <t>平塚市西真土1－2－16</t>
    <rPh sb="0" eb="3">
      <t>ヒラツカシ</t>
    </rPh>
    <rPh sb="3" eb="4">
      <t>ニシ</t>
    </rPh>
    <rPh sb="4" eb="5">
      <t>シン</t>
    </rPh>
    <rPh sb="5" eb="6">
      <t>ツチ</t>
    </rPh>
    <phoneticPr fontId="1"/>
  </si>
  <si>
    <t>254-0019</t>
    <phoneticPr fontId="1"/>
  </si>
  <si>
    <t>0463-35-0030</t>
    <phoneticPr fontId="1"/>
  </si>
  <si>
    <t>0463-35-0031</t>
    <phoneticPr fontId="1"/>
  </si>
  <si>
    <t>藤沢市</t>
    <rPh sb="0" eb="3">
      <t>フジサワシ</t>
    </rPh>
    <phoneticPr fontId="1"/>
  </si>
  <si>
    <t>グリーンキッズ湘南ライフタウン</t>
    <rPh sb="7" eb="9">
      <t>ショウナン</t>
    </rPh>
    <phoneticPr fontId="1"/>
  </si>
  <si>
    <t>桂　きくえ</t>
    <rPh sb="0" eb="1">
      <t>カツラ</t>
    </rPh>
    <phoneticPr fontId="1"/>
  </si>
  <si>
    <t>藤沢市大庭字裏門5406－14</t>
    <rPh sb="0" eb="3">
      <t>フジサワシ</t>
    </rPh>
    <rPh sb="3" eb="5">
      <t>オオバ</t>
    </rPh>
    <rPh sb="5" eb="6">
      <t>アザ</t>
    </rPh>
    <rPh sb="6" eb="7">
      <t>ウラ</t>
    </rPh>
    <rPh sb="7" eb="8">
      <t>モン</t>
    </rPh>
    <phoneticPr fontId="1"/>
  </si>
  <si>
    <t>倉本　益実</t>
    <rPh sb="0" eb="2">
      <t>クラモト</t>
    </rPh>
    <rPh sb="3" eb="4">
      <t>マ</t>
    </rPh>
    <rPh sb="4" eb="5">
      <t>ミ</t>
    </rPh>
    <phoneticPr fontId="1"/>
  </si>
  <si>
    <t>みどり保育所分園ピッコロ</t>
    <rPh sb="3" eb="5">
      <t>ホイク</t>
    </rPh>
    <rPh sb="5" eb="6">
      <t>ジョ</t>
    </rPh>
    <rPh sb="6" eb="8">
      <t>ブンエン</t>
    </rPh>
    <phoneticPr fontId="1"/>
  </si>
  <si>
    <t>254-0073</t>
    <phoneticPr fontId="1"/>
  </si>
  <si>
    <t>平塚市西八幡3－8－1</t>
    <rPh sb="0" eb="3">
      <t>ヒラツカシ</t>
    </rPh>
    <rPh sb="3" eb="4">
      <t>ニシ</t>
    </rPh>
    <rPh sb="4" eb="6">
      <t>ヤハタ</t>
    </rPh>
    <phoneticPr fontId="1"/>
  </si>
  <si>
    <t>(45)</t>
    <phoneticPr fontId="1"/>
  </si>
  <si>
    <t>あけぼの保育園</t>
    <rPh sb="4" eb="6">
      <t>ホイク</t>
    </rPh>
    <rPh sb="6" eb="7">
      <t>エン</t>
    </rPh>
    <phoneticPr fontId="1"/>
  </si>
  <si>
    <t>曙会</t>
    <rPh sb="0" eb="1">
      <t>アケボノ</t>
    </rPh>
    <rPh sb="1" eb="2">
      <t>カイ</t>
    </rPh>
    <phoneticPr fontId="1"/>
  </si>
  <si>
    <t>046-244-0323</t>
    <phoneticPr fontId="1"/>
  </si>
  <si>
    <t>046-276-4544</t>
    <phoneticPr fontId="1"/>
  </si>
  <si>
    <t>葉山町</t>
    <rPh sb="0" eb="3">
      <t>ハヤママチ</t>
    </rPh>
    <phoneticPr fontId="1"/>
  </si>
  <si>
    <t>おひさま保育室</t>
    <rPh sb="4" eb="7">
      <t>ホイクシツ</t>
    </rPh>
    <phoneticPr fontId="1"/>
  </si>
  <si>
    <t>おかげさまのめぐみ舎</t>
    <rPh sb="9" eb="10">
      <t>シャ</t>
    </rPh>
    <phoneticPr fontId="1"/>
  </si>
  <si>
    <t>森田　千穂</t>
    <rPh sb="0" eb="2">
      <t>モリタ</t>
    </rPh>
    <rPh sb="3" eb="5">
      <t>チホ</t>
    </rPh>
    <phoneticPr fontId="1"/>
  </si>
  <si>
    <t>大和市中央林間3-1-16</t>
    <rPh sb="0" eb="2">
      <t>ヤマト</t>
    </rPh>
    <rPh sb="2" eb="3">
      <t>シ</t>
    </rPh>
    <rPh sb="3" eb="7">
      <t>チュウオウリンカン</t>
    </rPh>
    <phoneticPr fontId="1"/>
  </si>
  <si>
    <t>三浦郡葉山町一色1531－11</t>
    <rPh sb="0" eb="3">
      <t>ミウラグン</t>
    </rPh>
    <rPh sb="3" eb="6">
      <t>ハヤママチ</t>
    </rPh>
    <rPh sb="6" eb="8">
      <t>イッシキ</t>
    </rPh>
    <phoneticPr fontId="1"/>
  </si>
  <si>
    <t>さなぎっこ保育園</t>
    <rPh sb="5" eb="7">
      <t>ホイク</t>
    </rPh>
    <rPh sb="7" eb="8">
      <t>エン</t>
    </rPh>
    <phoneticPr fontId="1"/>
  </si>
  <si>
    <t>ブレストウィン</t>
    <phoneticPr fontId="1"/>
  </si>
  <si>
    <t>大和市大和東3－7－2</t>
    <rPh sb="0" eb="3">
      <t>ヤマトシ</t>
    </rPh>
    <rPh sb="3" eb="5">
      <t>ヤマト</t>
    </rPh>
    <rPh sb="5" eb="6">
      <t>ヒガシ</t>
    </rPh>
    <phoneticPr fontId="1"/>
  </si>
  <si>
    <t>湘南カトレア保育園</t>
    <rPh sb="0" eb="2">
      <t>ショウナン</t>
    </rPh>
    <rPh sb="6" eb="8">
      <t>ホイク</t>
    </rPh>
    <rPh sb="8" eb="9">
      <t>エン</t>
    </rPh>
    <phoneticPr fontId="1"/>
  </si>
  <si>
    <t>LIFEDOOR</t>
    <phoneticPr fontId="1"/>
  </si>
  <si>
    <t>厚木市</t>
    <rPh sb="0" eb="2">
      <t>アツギ</t>
    </rPh>
    <rPh sb="2" eb="3">
      <t>シ</t>
    </rPh>
    <phoneticPr fontId="1"/>
  </si>
  <si>
    <t>保育園ＶｉＶｉ</t>
    <rPh sb="0" eb="2">
      <t>ホイク</t>
    </rPh>
    <rPh sb="2" eb="3">
      <t>エン</t>
    </rPh>
    <phoneticPr fontId="1"/>
  </si>
  <si>
    <t>社会福祉法人</t>
    <rPh sb="0" eb="2">
      <t>シャカイ</t>
    </rPh>
    <rPh sb="2" eb="4">
      <t>フクシ</t>
    </rPh>
    <rPh sb="4" eb="6">
      <t>ホウジン</t>
    </rPh>
    <phoneticPr fontId="1"/>
  </si>
  <si>
    <t>藤雪会</t>
    <rPh sb="0" eb="1">
      <t>フジ</t>
    </rPh>
    <rPh sb="1" eb="2">
      <t>ユキ</t>
    </rPh>
    <rPh sb="2" eb="3">
      <t>カイ</t>
    </rPh>
    <phoneticPr fontId="1"/>
  </si>
  <si>
    <t>藤雪会</t>
    <rPh sb="0" eb="1">
      <t>フジ</t>
    </rPh>
    <rPh sb="1" eb="2">
      <t>ユキ</t>
    </rPh>
    <rPh sb="2" eb="3">
      <t>カイ</t>
    </rPh>
    <phoneticPr fontId="1"/>
  </si>
  <si>
    <t>　</t>
  </si>
  <si>
    <t>0466-53-8544</t>
  </si>
  <si>
    <t>あおば保育園</t>
    <rPh sb="3" eb="5">
      <t>ホイク</t>
    </rPh>
    <rPh sb="5" eb="6">
      <t>エン</t>
    </rPh>
    <phoneticPr fontId="1"/>
  </si>
  <si>
    <t>ＪＴＭ</t>
    <phoneticPr fontId="1"/>
  </si>
  <si>
    <t>240-0111</t>
  </si>
  <si>
    <t>046-876-3277</t>
  </si>
  <si>
    <t>葉山ぎんのすず保育園</t>
    <rPh sb="0" eb="2">
      <t>ハヤマ</t>
    </rPh>
    <rPh sb="7" eb="9">
      <t>ホイク</t>
    </rPh>
    <rPh sb="9" eb="10">
      <t>エン</t>
    </rPh>
    <phoneticPr fontId="1"/>
  </si>
  <si>
    <t>みどりの風</t>
    <rPh sb="4" eb="5">
      <t>カゼ</t>
    </rPh>
    <phoneticPr fontId="1"/>
  </si>
  <si>
    <t>大谷　美紀</t>
    <rPh sb="0" eb="2">
      <t>オオタニ</t>
    </rPh>
    <rPh sb="3" eb="5">
      <t>ミキ</t>
    </rPh>
    <phoneticPr fontId="1"/>
  </si>
  <si>
    <t>秦野市尾尻939-10</t>
    <rPh sb="0" eb="3">
      <t>ハダノシ</t>
    </rPh>
    <rPh sb="3" eb="5">
      <t>オジリ</t>
    </rPh>
    <phoneticPr fontId="1"/>
  </si>
  <si>
    <t>0463-83-6273</t>
    <phoneticPr fontId="1"/>
  </si>
  <si>
    <t>243-0016</t>
    <phoneticPr fontId="1"/>
  </si>
  <si>
    <t>平野　里香</t>
    <rPh sb="0" eb="2">
      <t>ヒラノ</t>
    </rPh>
    <rPh sb="3" eb="5">
      <t>リカ</t>
    </rPh>
    <phoneticPr fontId="1"/>
  </si>
  <si>
    <t>三浦郡葉山町堀内字森戸1130-1</t>
    <rPh sb="0" eb="3">
      <t>ミウラグン</t>
    </rPh>
    <rPh sb="3" eb="6">
      <t>ハヤママチ</t>
    </rPh>
    <rPh sb="6" eb="8">
      <t>ホリウチ</t>
    </rPh>
    <rPh sb="8" eb="9">
      <t>ジ</t>
    </rPh>
    <rPh sb="9" eb="11">
      <t>モリト</t>
    </rPh>
    <phoneticPr fontId="1"/>
  </si>
  <si>
    <t>240-0112</t>
    <phoneticPr fontId="1"/>
  </si>
  <si>
    <t>046-263-3830</t>
    <phoneticPr fontId="1"/>
  </si>
  <si>
    <t>046-223-8876</t>
    <phoneticPr fontId="1"/>
  </si>
  <si>
    <t>046-854-9057</t>
    <phoneticPr fontId="1"/>
  </si>
  <si>
    <t>046-854-9058</t>
    <phoneticPr fontId="1"/>
  </si>
  <si>
    <t>藤沢市</t>
    <rPh sb="0" eb="3">
      <t>フジサワシ</t>
    </rPh>
    <phoneticPr fontId="1"/>
  </si>
  <si>
    <t>保育園あんふぁん</t>
    <phoneticPr fontId="1"/>
  </si>
  <si>
    <t>株式会社</t>
    <rPh sb="0" eb="4">
      <t>カブシキガイシャ</t>
    </rPh>
    <phoneticPr fontId="1"/>
  </si>
  <si>
    <t>るもんど・あんふぁん</t>
    <phoneticPr fontId="1"/>
  </si>
  <si>
    <t>菅原　多仁子</t>
    <rPh sb="0" eb="2">
      <t>スガワラ</t>
    </rPh>
    <rPh sb="3" eb="4">
      <t>タ</t>
    </rPh>
    <rPh sb="4" eb="5">
      <t>ニン</t>
    </rPh>
    <rPh sb="5" eb="6">
      <t>コ</t>
    </rPh>
    <phoneticPr fontId="1"/>
  </si>
  <si>
    <t>藤沢市辻堂1－4－2</t>
    <rPh sb="0" eb="3">
      <t>フジサワシ</t>
    </rPh>
    <rPh sb="3" eb="5">
      <t>ツジドウ</t>
    </rPh>
    <phoneticPr fontId="1"/>
  </si>
  <si>
    <t>251-0047</t>
    <phoneticPr fontId="1"/>
  </si>
  <si>
    <t>茅ヶ崎市</t>
    <rPh sb="0" eb="4">
      <t>チガサキシ</t>
    </rPh>
    <phoneticPr fontId="1"/>
  </si>
  <si>
    <t>松浪れいらに保育園</t>
    <rPh sb="0" eb="2">
      <t>マツナミ</t>
    </rPh>
    <rPh sb="6" eb="8">
      <t>ホイク</t>
    </rPh>
    <rPh sb="8" eb="9">
      <t>エン</t>
    </rPh>
    <phoneticPr fontId="1"/>
  </si>
  <si>
    <t>NPO</t>
    <phoneticPr fontId="1"/>
  </si>
  <si>
    <t>0466-53-8558</t>
    <phoneticPr fontId="1"/>
  </si>
  <si>
    <t>全国子育て支援ネットワーク協会</t>
    <rPh sb="0" eb="2">
      <t>ゼンコク</t>
    </rPh>
    <rPh sb="2" eb="4">
      <t>コソダ</t>
    </rPh>
    <rPh sb="5" eb="7">
      <t>シエン</t>
    </rPh>
    <rPh sb="13" eb="15">
      <t>キョウカイ</t>
    </rPh>
    <phoneticPr fontId="1"/>
  </si>
  <si>
    <t>田中　幸治</t>
    <rPh sb="0" eb="2">
      <t>タナカ</t>
    </rPh>
    <rPh sb="3" eb="5">
      <t>コウジ</t>
    </rPh>
    <phoneticPr fontId="1"/>
  </si>
  <si>
    <t>茅ヶ崎市松浪2－3－28</t>
    <rPh sb="0" eb="4">
      <t>チガサキシ</t>
    </rPh>
    <rPh sb="4" eb="6">
      <t>マツナミ</t>
    </rPh>
    <phoneticPr fontId="1"/>
  </si>
  <si>
    <t>253-0022</t>
    <phoneticPr fontId="1"/>
  </si>
  <si>
    <t>0467-91-1629</t>
    <phoneticPr fontId="1"/>
  </si>
  <si>
    <t>0467-92-4763</t>
    <phoneticPr fontId="1"/>
  </si>
  <si>
    <t>みらくる保育園</t>
    <rPh sb="4" eb="6">
      <t>ホイク</t>
    </rPh>
    <rPh sb="6" eb="7">
      <t>エン</t>
    </rPh>
    <phoneticPr fontId="1"/>
  </si>
  <si>
    <t>神奈川やすらぎ会</t>
    <rPh sb="0" eb="3">
      <t>カナガワ</t>
    </rPh>
    <rPh sb="7" eb="8">
      <t>カイ</t>
    </rPh>
    <phoneticPr fontId="1"/>
  </si>
  <si>
    <t>厚木市飯山3191－2</t>
    <rPh sb="0" eb="2">
      <t>アツギ</t>
    </rPh>
    <rPh sb="2" eb="3">
      <t>シ</t>
    </rPh>
    <rPh sb="3" eb="5">
      <t>イイヤマ</t>
    </rPh>
    <phoneticPr fontId="1"/>
  </si>
  <si>
    <t>120</t>
    <phoneticPr fontId="1"/>
  </si>
  <si>
    <t>243-0213</t>
    <phoneticPr fontId="1"/>
  </si>
  <si>
    <t>046-270-3888</t>
    <phoneticPr fontId="1"/>
  </si>
  <si>
    <t>046-270-3338</t>
    <phoneticPr fontId="1"/>
  </si>
  <si>
    <t>木下の保育</t>
    <rPh sb="0" eb="2">
      <t>キノシタ</t>
    </rPh>
    <rPh sb="3" eb="5">
      <t>ホイク</t>
    </rPh>
    <phoneticPr fontId="1"/>
  </si>
  <si>
    <t>なぎさ第二保育園分園渚ピクニック</t>
    <rPh sb="3" eb="5">
      <t>ダイニ</t>
    </rPh>
    <rPh sb="5" eb="8">
      <t>ホイクエン</t>
    </rPh>
    <rPh sb="8" eb="10">
      <t>ブンエン</t>
    </rPh>
    <rPh sb="10" eb="11">
      <t>ナギサ</t>
    </rPh>
    <phoneticPr fontId="1"/>
  </si>
  <si>
    <t>茅ヶ崎市甘沼252-1</t>
    <rPh sb="0" eb="4">
      <t>チガサキシ</t>
    </rPh>
    <rPh sb="4" eb="6">
      <t>アマヌマ</t>
    </rPh>
    <phoneticPr fontId="1"/>
  </si>
  <si>
    <t>(21)</t>
    <phoneticPr fontId="1"/>
  </si>
  <si>
    <t>253-0004</t>
    <phoneticPr fontId="1"/>
  </si>
  <si>
    <t>あおぞら輝き保育園</t>
    <rPh sb="4" eb="5">
      <t>カガヤ</t>
    </rPh>
    <rPh sb="6" eb="9">
      <t>ホイクエン</t>
    </rPh>
    <phoneticPr fontId="1"/>
  </si>
  <si>
    <t>あおぞら</t>
    <phoneticPr fontId="1"/>
  </si>
  <si>
    <t>新井　智恵</t>
    <phoneticPr fontId="1"/>
  </si>
  <si>
    <t>253-0084</t>
    <phoneticPr fontId="1"/>
  </si>
  <si>
    <t>茅ヶ崎市円蔵2108-4</t>
    <rPh sb="0" eb="4">
      <t>チガサキシ</t>
    </rPh>
    <rPh sb="4" eb="6">
      <t>エンゾウ</t>
    </rPh>
    <phoneticPr fontId="1"/>
  </si>
  <si>
    <t>0467-73-8076</t>
    <phoneticPr fontId="1"/>
  </si>
  <si>
    <t>くれよん保育室</t>
    <rPh sb="4" eb="6">
      <t>ホイク</t>
    </rPh>
    <rPh sb="6" eb="7">
      <t>シツ</t>
    </rPh>
    <phoneticPr fontId="1"/>
  </si>
  <si>
    <t>たかすな保育園</t>
    <rPh sb="4" eb="7">
      <t>ホイクエン</t>
    </rPh>
    <phoneticPr fontId="1"/>
  </si>
  <si>
    <t>善行あさぎ台保育園</t>
    <rPh sb="0" eb="2">
      <t>ゼンギョウ</t>
    </rPh>
    <rPh sb="5" eb="6">
      <t>ダイ</t>
    </rPh>
    <rPh sb="6" eb="9">
      <t>ホイクエン</t>
    </rPh>
    <phoneticPr fontId="1"/>
  </si>
  <si>
    <t>保育園アワーキッズ
南藤沢</t>
    <rPh sb="0" eb="3">
      <t>ホイクエン</t>
    </rPh>
    <rPh sb="10" eb="13">
      <t>ミナミフジサワ</t>
    </rPh>
    <phoneticPr fontId="1"/>
  </si>
  <si>
    <t>善行あにまる保育園</t>
    <rPh sb="0" eb="2">
      <t>ゼンギョウ</t>
    </rPh>
    <rPh sb="6" eb="9">
      <t>ホイクエン</t>
    </rPh>
    <phoneticPr fontId="1"/>
  </si>
  <si>
    <t>おひさま保育園</t>
    <rPh sb="4" eb="7">
      <t>ホイクエン</t>
    </rPh>
    <phoneticPr fontId="1"/>
  </si>
  <si>
    <t>カスタムメディカル研究所</t>
    <rPh sb="9" eb="12">
      <t>ケンキュウジョ</t>
    </rPh>
    <phoneticPr fontId="1"/>
  </si>
  <si>
    <t>NPO法人</t>
    <rPh sb="3" eb="5">
      <t>ホウジン</t>
    </rPh>
    <phoneticPr fontId="1"/>
  </si>
  <si>
    <t>ユーカリ福祉会</t>
    <rPh sb="4" eb="6">
      <t>フクシ</t>
    </rPh>
    <rPh sb="6" eb="7">
      <t>カイ</t>
    </rPh>
    <phoneticPr fontId="1"/>
  </si>
  <si>
    <t>学校法人</t>
    <rPh sb="0" eb="2">
      <t>ガッコウ</t>
    </rPh>
    <rPh sb="2" eb="4">
      <t>ホウジン</t>
    </rPh>
    <phoneticPr fontId="1"/>
  </si>
  <si>
    <t>虹と風保育園</t>
    <rPh sb="0" eb="1">
      <t>ニジ</t>
    </rPh>
    <rPh sb="2" eb="3">
      <t>カゼ</t>
    </rPh>
    <rPh sb="3" eb="5">
      <t>ホイク</t>
    </rPh>
    <rPh sb="5" eb="6">
      <t>エン</t>
    </rPh>
    <phoneticPr fontId="1"/>
  </si>
  <si>
    <t>進和会</t>
    <rPh sb="0" eb="1">
      <t>スス</t>
    </rPh>
    <rPh sb="1" eb="2">
      <t>カズ</t>
    </rPh>
    <rPh sb="2" eb="3">
      <t>カイ</t>
    </rPh>
    <phoneticPr fontId="1"/>
  </si>
  <si>
    <t>込山　ひとみ</t>
    <rPh sb="0" eb="2">
      <t>コミヤマ</t>
    </rPh>
    <phoneticPr fontId="1"/>
  </si>
  <si>
    <t>秦野市渋沢2-42-1</t>
    <rPh sb="0" eb="3">
      <t>ハダノシ</t>
    </rPh>
    <rPh sb="3" eb="5">
      <t>シブサワ</t>
    </rPh>
    <phoneticPr fontId="1"/>
  </si>
  <si>
    <t>259-1322</t>
    <phoneticPr fontId="1"/>
  </si>
  <si>
    <t>高座渋谷もりのこ保育園</t>
    <rPh sb="0" eb="2">
      <t>コウザ</t>
    </rPh>
    <rPh sb="2" eb="4">
      <t>シブヤ</t>
    </rPh>
    <rPh sb="8" eb="10">
      <t>ホイク</t>
    </rPh>
    <rPh sb="10" eb="11">
      <t>エン</t>
    </rPh>
    <phoneticPr fontId="1"/>
  </si>
  <si>
    <t>三浦　淳子</t>
    <rPh sb="0" eb="2">
      <t>ミウラ</t>
    </rPh>
    <rPh sb="3" eb="5">
      <t>ジュンコ</t>
    </rPh>
    <phoneticPr fontId="1"/>
  </si>
  <si>
    <t>さくらの森・親子サポートネット</t>
    <rPh sb="4" eb="5">
      <t>モリ</t>
    </rPh>
    <rPh sb="6" eb="8">
      <t>オヤコ</t>
    </rPh>
    <phoneticPr fontId="1"/>
  </si>
  <si>
    <t>サンキッズ金田ほいくえん</t>
    <rPh sb="5" eb="7">
      <t>カネダ</t>
    </rPh>
    <phoneticPr fontId="1"/>
  </si>
  <si>
    <t>惠伸会</t>
    <rPh sb="0" eb="1">
      <t>メグミ</t>
    </rPh>
    <rPh sb="1" eb="2">
      <t>シン</t>
    </rPh>
    <rPh sb="2" eb="3">
      <t>カイ</t>
    </rPh>
    <phoneticPr fontId="1"/>
  </si>
  <si>
    <t>平塚市寺田縄1058-1</t>
    <rPh sb="0" eb="3">
      <t>ヒラツカシ</t>
    </rPh>
    <rPh sb="3" eb="5">
      <t>テラダ</t>
    </rPh>
    <rPh sb="5" eb="6">
      <t>ナワ</t>
    </rPh>
    <phoneticPr fontId="1"/>
  </si>
  <si>
    <t>259-1215</t>
    <phoneticPr fontId="1"/>
  </si>
  <si>
    <t>046-267-7775</t>
    <phoneticPr fontId="1"/>
  </si>
  <si>
    <t>程島　洋子</t>
    <rPh sb="0" eb="1">
      <t>ホド</t>
    </rPh>
    <rPh sb="1" eb="2">
      <t>ジマ</t>
    </rPh>
    <rPh sb="3" eb="5">
      <t>ヨウコ</t>
    </rPh>
    <phoneticPr fontId="1"/>
  </si>
  <si>
    <t>251-0055</t>
    <phoneticPr fontId="1"/>
  </si>
  <si>
    <t>藤沢市南藤沢17-10</t>
    <rPh sb="0" eb="3">
      <t>フジサワシ</t>
    </rPh>
    <rPh sb="3" eb="6">
      <t>ミナミフジサワ</t>
    </rPh>
    <phoneticPr fontId="1"/>
  </si>
  <si>
    <t>0466-53-9530</t>
    <phoneticPr fontId="1"/>
  </si>
  <si>
    <t>243-0213</t>
    <phoneticPr fontId="1"/>
  </si>
  <si>
    <t>厚木市飯山2120-1</t>
    <rPh sb="0" eb="3">
      <t>アツギシ</t>
    </rPh>
    <rPh sb="3" eb="5">
      <t>イイヤマ</t>
    </rPh>
    <phoneticPr fontId="1"/>
  </si>
  <si>
    <t>30</t>
    <phoneticPr fontId="1"/>
  </si>
  <si>
    <t>櫻井　節子</t>
    <rPh sb="0" eb="2">
      <t>サクライ</t>
    </rPh>
    <rPh sb="3" eb="5">
      <t>セツコ</t>
    </rPh>
    <phoneticPr fontId="1"/>
  </si>
  <si>
    <t>海老名市柏ヶ谷586-3</t>
    <rPh sb="0" eb="4">
      <t>エビナシ</t>
    </rPh>
    <rPh sb="4" eb="5">
      <t>カシワ</t>
    </rPh>
    <rPh sb="6" eb="7">
      <t>タニ</t>
    </rPh>
    <phoneticPr fontId="1"/>
  </si>
  <si>
    <t>杉本　薫</t>
    <rPh sb="0" eb="2">
      <t>スギモト</t>
    </rPh>
    <rPh sb="3" eb="4">
      <t>カオル</t>
    </rPh>
    <phoneticPr fontId="1"/>
  </si>
  <si>
    <t>251-0871</t>
    <phoneticPr fontId="1"/>
  </si>
  <si>
    <t>了解</t>
    <rPh sb="0" eb="2">
      <t>リョウカイ</t>
    </rPh>
    <phoneticPr fontId="1"/>
  </si>
  <si>
    <t>藤沢市善行3-14-7</t>
    <rPh sb="0" eb="3">
      <t>フジサワシ</t>
    </rPh>
    <rPh sb="3" eb="5">
      <t>ゼンギョウ</t>
    </rPh>
    <phoneticPr fontId="1"/>
  </si>
  <si>
    <t>藤沢市善行7-3-5</t>
    <rPh sb="0" eb="2">
      <t>フジサワ</t>
    </rPh>
    <rPh sb="2" eb="3">
      <t>シ</t>
    </rPh>
    <rPh sb="3" eb="5">
      <t>ゼンギョウ</t>
    </rPh>
    <phoneticPr fontId="1"/>
  </si>
  <si>
    <t>0466-84-2358</t>
    <phoneticPr fontId="1"/>
  </si>
  <si>
    <t>0466-90-3134</t>
    <phoneticPr fontId="1"/>
  </si>
  <si>
    <t>明照ﾌﾗﾜｰｶﾞｰﾃﾞﾝ保育園</t>
    <rPh sb="0" eb="2">
      <t>メイショウ</t>
    </rPh>
    <rPh sb="12" eb="15">
      <t>ホイクエン</t>
    </rPh>
    <phoneticPr fontId="1"/>
  </si>
  <si>
    <t>冨田浩雅</t>
    <rPh sb="0" eb="2">
      <t>トミタ</t>
    </rPh>
    <rPh sb="2" eb="4">
      <t>ヒロマサ</t>
    </rPh>
    <phoneticPr fontId="1"/>
  </si>
  <si>
    <t>鎌倉市岡本字耕地1022番31</t>
    <rPh sb="0" eb="3">
      <t>カマクラシ</t>
    </rPh>
    <rPh sb="3" eb="5">
      <t>オカモト</t>
    </rPh>
    <rPh sb="5" eb="6">
      <t>アザ</t>
    </rPh>
    <rPh sb="6" eb="8">
      <t>コウチ</t>
    </rPh>
    <rPh sb="12" eb="13">
      <t>バン</t>
    </rPh>
    <phoneticPr fontId="1"/>
  </si>
  <si>
    <t>247-0072</t>
    <phoneticPr fontId="1"/>
  </si>
  <si>
    <t>藤沢市辻堂西海岸2-12-1</t>
    <rPh sb="0" eb="3">
      <t>フジサワシ</t>
    </rPh>
    <rPh sb="3" eb="5">
      <t>ツジドウ</t>
    </rPh>
    <rPh sb="5" eb="8">
      <t>ニシカイガン</t>
    </rPh>
    <phoneticPr fontId="1"/>
  </si>
  <si>
    <t>251-0046</t>
    <phoneticPr fontId="1"/>
  </si>
  <si>
    <t>ことりの詩保育園</t>
    <rPh sb="4" eb="5">
      <t>ウタ</t>
    </rPh>
    <rPh sb="5" eb="8">
      <t>ホイクエン</t>
    </rPh>
    <phoneticPr fontId="1"/>
  </si>
  <si>
    <t>ことりの詩</t>
    <rPh sb="4" eb="5">
      <t>ウタ</t>
    </rPh>
    <phoneticPr fontId="1"/>
  </si>
  <si>
    <t>河島末江子</t>
    <rPh sb="0" eb="2">
      <t>カワシマ</t>
    </rPh>
    <rPh sb="2" eb="4">
      <t>スエ</t>
    </rPh>
    <rPh sb="4" eb="5">
      <t>コ</t>
    </rPh>
    <phoneticPr fontId="1"/>
  </si>
  <si>
    <t>茅ヶ崎市本村4-19-26</t>
    <rPh sb="0" eb="4">
      <t>チガサキシ</t>
    </rPh>
    <rPh sb="4" eb="6">
      <t>ホンソン</t>
    </rPh>
    <phoneticPr fontId="1"/>
  </si>
  <si>
    <t>253-0042</t>
    <phoneticPr fontId="1"/>
  </si>
  <si>
    <t>ﾒﾘｰﾎﾟﾋﾟﾝｽﾞﾗｽｶ茅ヶ崎ﾙｰﾑ</t>
    <rPh sb="13" eb="16">
      <t>チガサキ</t>
    </rPh>
    <phoneticPr fontId="1"/>
  </si>
  <si>
    <t>どろんこ会</t>
    <rPh sb="4" eb="5">
      <t>カイ</t>
    </rPh>
    <phoneticPr fontId="1"/>
  </si>
  <si>
    <t>茅ヶ崎市元町1-1　ﾗｽｶ茅ヶ崎6階</t>
    <rPh sb="0" eb="4">
      <t>チガサキシ</t>
    </rPh>
    <rPh sb="4" eb="6">
      <t>モトマチ</t>
    </rPh>
    <rPh sb="13" eb="16">
      <t>チガサキ</t>
    </rPh>
    <rPh sb="17" eb="18">
      <t>カイ</t>
    </rPh>
    <phoneticPr fontId="1"/>
  </si>
  <si>
    <t>大和つきみ野雲母保育園</t>
    <rPh sb="0" eb="2">
      <t>ヤマト</t>
    </rPh>
    <rPh sb="5" eb="6">
      <t>ノ</t>
    </rPh>
    <rPh sb="6" eb="8">
      <t>ウンモ</t>
    </rPh>
    <rPh sb="8" eb="11">
      <t>ホイクエン</t>
    </rPh>
    <phoneticPr fontId="1"/>
  </si>
  <si>
    <t>大和市つきみ野3-14-1</t>
    <rPh sb="0" eb="3">
      <t>ヤマトシ</t>
    </rPh>
    <rPh sb="6" eb="7">
      <t>ノ</t>
    </rPh>
    <phoneticPr fontId="1"/>
  </si>
  <si>
    <t>242-0002</t>
    <phoneticPr fontId="1"/>
  </si>
  <si>
    <t>ピッピことり保育園</t>
    <rPh sb="6" eb="9">
      <t>ホイクエン</t>
    </rPh>
    <phoneticPr fontId="1"/>
  </si>
  <si>
    <t>明和学園</t>
    <rPh sb="0" eb="2">
      <t>メイワ</t>
    </rPh>
    <rPh sb="2" eb="4">
      <t>ガクエン</t>
    </rPh>
    <phoneticPr fontId="1"/>
  </si>
  <si>
    <t>安野紫菜</t>
    <rPh sb="0" eb="1">
      <t>ヤス</t>
    </rPh>
    <rPh sb="1" eb="2">
      <t>ノ</t>
    </rPh>
    <rPh sb="2" eb="3">
      <t>ムラサキ</t>
    </rPh>
    <rPh sb="3" eb="4">
      <t>ナ</t>
    </rPh>
    <phoneticPr fontId="1"/>
  </si>
  <si>
    <t>綾瀬市吉岡1526</t>
    <rPh sb="0" eb="3">
      <t>アヤセシ</t>
    </rPh>
    <rPh sb="3" eb="5">
      <t>ヨシオカ</t>
    </rPh>
    <phoneticPr fontId="1"/>
  </si>
  <si>
    <t>綾瀬ゆめっこ保育園</t>
    <rPh sb="0" eb="2">
      <t>アヤセ</t>
    </rPh>
    <rPh sb="6" eb="9">
      <t>ホイクエン</t>
    </rPh>
    <phoneticPr fontId="1"/>
  </si>
  <si>
    <t>足跡の会</t>
    <rPh sb="0" eb="2">
      <t>アシアト</t>
    </rPh>
    <rPh sb="3" eb="4">
      <t>カイ</t>
    </rPh>
    <phoneticPr fontId="1"/>
  </si>
  <si>
    <t>綾瀬市大上4-2-25</t>
    <rPh sb="0" eb="3">
      <t>アヤセシ</t>
    </rPh>
    <rPh sb="3" eb="5">
      <t>オオカミ</t>
    </rPh>
    <phoneticPr fontId="1"/>
  </si>
  <si>
    <t>252-1124</t>
    <phoneticPr fontId="1"/>
  </si>
  <si>
    <t>252-1104</t>
    <phoneticPr fontId="1"/>
  </si>
  <si>
    <t>0467-38-6820</t>
    <phoneticPr fontId="1"/>
  </si>
  <si>
    <t>0467-38-6840</t>
    <phoneticPr fontId="1"/>
  </si>
  <si>
    <t>0467-53-7690</t>
    <phoneticPr fontId="1"/>
  </si>
  <si>
    <t>0467-53-7691</t>
    <phoneticPr fontId="1"/>
  </si>
  <si>
    <t>253-0043</t>
    <phoneticPr fontId="1"/>
  </si>
  <si>
    <t>0467-78-5025</t>
    <phoneticPr fontId="1"/>
  </si>
  <si>
    <t>0467-78-5024</t>
    <phoneticPr fontId="1"/>
  </si>
  <si>
    <t>0467-76-0077</t>
    <phoneticPr fontId="1"/>
  </si>
  <si>
    <t>0467-78-1188</t>
    <phoneticPr fontId="1"/>
  </si>
  <si>
    <t>0466-86-7676</t>
    <phoneticPr fontId="1"/>
  </si>
  <si>
    <t>ワーカーズ・コレクティブくれよん</t>
    <phoneticPr fontId="1"/>
  </si>
  <si>
    <t>森　ひろみ</t>
    <phoneticPr fontId="1"/>
  </si>
  <si>
    <t>046-236-2300</t>
    <phoneticPr fontId="1"/>
  </si>
  <si>
    <t>046-255-6671</t>
    <phoneticPr fontId="1"/>
  </si>
  <si>
    <t>046-236-2311</t>
    <phoneticPr fontId="1"/>
  </si>
  <si>
    <t>0467-43-5960</t>
    <phoneticPr fontId="1"/>
  </si>
  <si>
    <t>0467-43-5961</t>
    <phoneticPr fontId="1"/>
  </si>
  <si>
    <t>046-281-8056</t>
    <phoneticPr fontId="1"/>
  </si>
  <si>
    <t>Ｔｙ</t>
    <phoneticPr fontId="1"/>
  </si>
  <si>
    <t>奈良岡恵美子</t>
    <rPh sb="0" eb="3">
      <t>ナラオカ</t>
    </rPh>
    <rPh sb="3" eb="6">
      <t>エミコ</t>
    </rPh>
    <phoneticPr fontId="1"/>
  </si>
  <si>
    <t>藤代裕子</t>
    <rPh sb="0" eb="1">
      <t>フジ</t>
    </rPh>
    <rPh sb="1" eb="2">
      <t>シロ</t>
    </rPh>
    <rPh sb="2" eb="4">
      <t>ユウコ</t>
    </rPh>
    <phoneticPr fontId="1"/>
  </si>
  <si>
    <t>小菅喜織</t>
    <rPh sb="0" eb="2">
      <t>コスゲ</t>
    </rPh>
    <rPh sb="2" eb="3">
      <t>ヨロシ</t>
    </rPh>
    <rPh sb="3" eb="4">
      <t>オリ</t>
    </rPh>
    <phoneticPr fontId="1"/>
  </si>
  <si>
    <t>川名純子</t>
    <rPh sb="0" eb="2">
      <t>カワナ</t>
    </rPh>
    <rPh sb="2" eb="4">
      <t>ジュンコ</t>
    </rPh>
    <phoneticPr fontId="1"/>
  </si>
  <si>
    <t>澤口修司</t>
    <rPh sb="0" eb="2">
      <t>サワグチ</t>
    </rPh>
    <rPh sb="2" eb="4">
      <t>シュウジ</t>
    </rPh>
    <phoneticPr fontId="1"/>
  </si>
  <si>
    <t>小沢悦子</t>
    <rPh sb="0" eb="2">
      <t>オザワ</t>
    </rPh>
    <rPh sb="2" eb="4">
      <t>エツコ</t>
    </rPh>
    <phoneticPr fontId="1"/>
  </si>
  <si>
    <t>東海林まりえ</t>
    <rPh sb="0" eb="3">
      <t>ショウジ</t>
    </rPh>
    <phoneticPr fontId="1"/>
  </si>
  <si>
    <t>鈴木敏世</t>
    <rPh sb="0" eb="2">
      <t>スズキ</t>
    </rPh>
    <rPh sb="2" eb="3">
      <t>トシ</t>
    </rPh>
    <rPh sb="3" eb="4">
      <t>ヨ</t>
    </rPh>
    <phoneticPr fontId="1"/>
  </si>
  <si>
    <t>大内裕子</t>
    <rPh sb="0" eb="2">
      <t>オオウチ</t>
    </rPh>
    <rPh sb="2" eb="4">
      <t>ユウコ</t>
    </rPh>
    <phoneticPr fontId="1"/>
  </si>
  <si>
    <t>落合智賀子</t>
    <rPh sb="0" eb="2">
      <t>オチアイ</t>
    </rPh>
    <rPh sb="2" eb="3">
      <t>チ</t>
    </rPh>
    <rPh sb="3" eb="4">
      <t>ガ</t>
    </rPh>
    <rPh sb="4" eb="5">
      <t>コ</t>
    </rPh>
    <phoneticPr fontId="1"/>
  </si>
  <si>
    <t>栄光愛児園分園さみどり分園</t>
    <rPh sb="0" eb="2">
      <t>エイコウ</t>
    </rPh>
    <rPh sb="2" eb="4">
      <t>アイジ</t>
    </rPh>
    <rPh sb="4" eb="5">
      <t>エン</t>
    </rPh>
    <rPh sb="5" eb="7">
      <t>ブンエン</t>
    </rPh>
    <rPh sb="11" eb="13">
      <t>ブンエン</t>
    </rPh>
    <phoneticPr fontId="1"/>
  </si>
  <si>
    <t>あゆみ保育園分園</t>
    <rPh sb="3" eb="6">
      <t>ホイクエン</t>
    </rPh>
    <rPh sb="6" eb="8">
      <t>ブンエン</t>
    </rPh>
    <phoneticPr fontId="1"/>
  </si>
  <si>
    <t>座間市緑ケ丘4-16-12</t>
    <rPh sb="3" eb="6">
      <t>ミドリガオカ</t>
    </rPh>
    <phoneticPr fontId="1"/>
  </si>
  <si>
    <t>逗子なないろ保育園</t>
    <rPh sb="0" eb="2">
      <t>ズシ</t>
    </rPh>
    <rPh sb="6" eb="9">
      <t>ホイクエン</t>
    </rPh>
    <phoneticPr fontId="1"/>
  </si>
  <si>
    <t>若林順子</t>
    <rPh sb="0" eb="2">
      <t>ワカバヤシ</t>
    </rPh>
    <rPh sb="2" eb="4">
      <t>ジュンコ</t>
    </rPh>
    <phoneticPr fontId="1"/>
  </si>
  <si>
    <t>逗子市桜山６丁目１８番２２号</t>
  </si>
  <si>
    <t>子中保育園</t>
    <rPh sb="0" eb="1">
      <t>コ</t>
    </rPh>
    <rPh sb="1" eb="2">
      <t>ナカ</t>
    </rPh>
    <rPh sb="2" eb="5">
      <t>ホイクエン</t>
    </rPh>
    <phoneticPr fontId="1"/>
  </si>
  <si>
    <t>喜慈会</t>
    <rPh sb="0" eb="1">
      <t>キ</t>
    </rPh>
    <rPh sb="1" eb="2">
      <t>ジ</t>
    </rPh>
    <rPh sb="2" eb="3">
      <t>カイ</t>
    </rPh>
    <phoneticPr fontId="1"/>
  </si>
  <si>
    <t>大塚　貴史</t>
    <rPh sb="0" eb="2">
      <t>オオツカ</t>
    </rPh>
    <rPh sb="3" eb="4">
      <t>タカ</t>
    </rPh>
    <rPh sb="4" eb="5">
      <t>フミ</t>
    </rPh>
    <phoneticPr fontId="1"/>
  </si>
  <si>
    <t>厚木市下荻野729番地7</t>
  </si>
  <si>
    <t>243-0203</t>
    <phoneticPr fontId="1"/>
  </si>
  <si>
    <t>046-242-1668</t>
  </si>
  <si>
    <t>39</t>
    <phoneticPr fontId="1"/>
  </si>
  <si>
    <t>046-854-5175</t>
  </si>
  <si>
    <t>249-0005</t>
    <phoneticPr fontId="1"/>
  </si>
  <si>
    <t>Ohana</t>
    <phoneticPr fontId="1"/>
  </si>
  <si>
    <t>大原利奈</t>
    <rPh sb="0" eb="2">
      <t>オオハラ</t>
    </rPh>
    <rPh sb="2" eb="4">
      <t>リナ</t>
    </rPh>
    <phoneticPr fontId="1"/>
  </si>
  <si>
    <t>046-262-3455</t>
  </si>
  <si>
    <t>大和市大和東１－６－７木曽ビル２階</t>
  </si>
  <si>
    <t>046-244-5438</t>
  </si>
  <si>
    <t>わらべ保育園</t>
    <rPh sb="3" eb="6">
      <t>ホイクエン</t>
    </rPh>
    <phoneticPr fontId="1"/>
  </si>
  <si>
    <t>幸童の会</t>
    <rPh sb="0" eb="1">
      <t>サチ</t>
    </rPh>
    <rPh sb="1" eb="2">
      <t>ワラベ</t>
    </rPh>
    <rPh sb="3" eb="4">
      <t>カイ</t>
    </rPh>
    <phoneticPr fontId="1"/>
  </si>
  <si>
    <t>吉原　若菜</t>
  </si>
  <si>
    <t>大和市下鶴間４１３－６</t>
  </si>
  <si>
    <t>ふたば林間保育園</t>
    <rPh sb="3" eb="5">
      <t>リンカン</t>
    </rPh>
    <rPh sb="5" eb="8">
      <t>ホイクエン</t>
    </rPh>
    <phoneticPr fontId="1"/>
  </si>
  <si>
    <t>ＨＡＰＰＹ　ＳＭＩＬＥ</t>
    <phoneticPr fontId="1"/>
  </si>
  <si>
    <t>大和市林間２丁目１番１号南林間リバゲイン２Ｆ</t>
  </si>
  <si>
    <t>笹原　礼子</t>
  </si>
  <si>
    <t>046-273-0600</t>
    <phoneticPr fontId="1"/>
  </si>
  <si>
    <t>046-272-1140</t>
    <phoneticPr fontId="1"/>
  </si>
  <si>
    <t>242-0001</t>
    <phoneticPr fontId="1"/>
  </si>
  <si>
    <t>242-0003</t>
    <phoneticPr fontId="1"/>
  </si>
  <si>
    <t>258-0017</t>
    <phoneticPr fontId="1"/>
  </si>
  <si>
    <t>森　初水</t>
    <rPh sb="0" eb="1">
      <t>モリ</t>
    </rPh>
    <rPh sb="2" eb="3">
      <t>ハツ</t>
    </rPh>
    <rPh sb="3" eb="4">
      <t>ミズ</t>
    </rPh>
    <phoneticPr fontId="1"/>
  </si>
  <si>
    <t>川手　弘子</t>
    <rPh sb="0" eb="2">
      <t>カワテ</t>
    </rPh>
    <rPh sb="3" eb="5">
      <t>ヒロコ</t>
    </rPh>
    <phoneticPr fontId="1"/>
  </si>
  <si>
    <t>中郡二宮町二宮823-8</t>
    <rPh sb="2" eb="5">
      <t>ニノミヤマチ</t>
    </rPh>
    <rPh sb="5" eb="7">
      <t>ニノミヤ</t>
    </rPh>
    <phoneticPr fontId="1"/>
  </si>
  <si>
    <t>みちる愛児園分園駅前ナーサリー</t>
    <rPh sb="3" eb="5">
      <t>アイジ</t>
    </rPh>
    <rPh sb="5" eb="6">
      <t>エン</t>
    </rPh>
    <rPh sb="6" eb="8">
      <t>ブンエン</t>
    </rPh>
    <rPh sb="8" eb="10">
      <t>エキマエ</t>
    </rPh>
    <phoneticPr fontId="1"/>
  </si>
  <si>
    <t>0463-59-9525</t>
    <phoneticPr fontId="1"/>
  </si>
  <si>
    <t>0466-21-7362</t>
    <phoneticPr fontId="1"/>
  </si>
  <si>
    <t>0466-47-9104</t>
    <phoneticPr fontId="1"/>
  </si>
  <si>
    <t>0466-47-9105</t>
    <phoneticPr fontId="1"/>
  </si>
  <si>
    <t>0466-53-9532</t>
    <phoneticPr fontId="1"/>
  </si>
  <si>
    <t>フィートリッヂ・
フィールズ・緑が浜</t>
    <phoneticPr fontId="1"/>
  </si>
  <si>
    <t>大津智子</t>
    <rPh sb="0" eb="2">
      <t>オオツ</t>
    </rPh>
    <rPh sb="2" eb="4">
      <t>トモコ</t>
    </rPh>
    <phoneticPr fontId="1"/>
  </si>
  <si>
    <t>増田千恵子</t>
    <rPh sb="0" eb="2">
      <t>マスダ</t>
    </rPh>
    <rPh sb="2" eb="5">
      <t>チエコ</t>
    </rPh>
    <phoneticPr fontId="1"/>
  </si>
  <si>
    <t>浜野順子</t>
    <rPh sb="0" eb="2">
      <t>ハマノ</t>
    </rPh>
    <rPh sb="2" eb="4">
      <t>ジュンコ</t>
    </rPh>
    <phoneticPr fontId="1"/>
  </si>
  <si>
    <t>藤沢市湘南台4-30-14</t>
    <rPh sb="3" eb="6">
      <t>ショウナンダイ</t>
    </rPh>
    <phoneticPr fontId="1"/>
  </si>
  <si>
    <t>アカデミーコスモス保育園</t>
    <rPh sb="9" eb="11">
      <t>ホイク</t>
    </rPh>
    <rPh sb="11" eb="12">
      <t>エン</t>
    </rPh>
    <phoneticPr fontId="1"/>
  </si>
  <si>
    <t>アカデミーインターナショナル</t>
    <phoneticPr fontId="1"/>
  </si>
  <si>
    <t>福本　登美子</t>
    <rPh sb="0" eb="2">
      <t>フクモト</t>
    </rPh>
    <rPh sb="3" eb="6">
      <t>トミコ</t>
    </rPh>
    <phoneticPr fontId="1"/>
  </si>
  <si>
    <t>257-0014</t>
    <phoneticPr fontId="1"/>
  </si>
  <si>
    <t>秦野市今泉2208-5</t>
    <rPh sb="0" eb="3">
      <t>ハダノシ</t>
    </rPh>
    <rPh sb="3" eb="5">
      <t>イマイズミ</t>
    </rPh>
    <phoneticPr fontId="1"/>
  </si>
  <si>
    <t>0463-81-9653</t>
    <phoneticPr fontId="1"/>
  </si>
  <si>
    <t>伊藤　潤</t>
    <rPh sb="0" eb="2">
      <t>イトウ</t>
    </rPh>
    <rPh sb="3" eb="4">
      <t>ジュン</t>
    </rPh>
    <phoneticPr fontId="1"/>
  </si>
  <si>
    <t>小原則子</t>
    <rPh sb="0" eb="2">
      <t>オハラ</t>
    </rPh>
    <rPh sb="2" eb="4">
      <t>ノリコ</t>
    </rPh>
    <phoneticPr fontId="1"/>
  </si>
  <si>
    <t>高杉末子</t>
    <rPh sb="0" eb="2">
      <t>タカスギ</t>
    </rPh>
    <rPh sb="2" eb="4">
      <t>スエコ</t>
    </rPh>
    <phoneticPr fontId="1"/>
  </si>
  <si>
    <t>吉野　砂織</t>
    <rPh sb="0" eb="2">
      <t>ヨシノ</t>
    </rPh>
    <rPh sb="3" eb="4">
      <t>スナ</t>
    </rPh>
    <rPh sb="4" eb="5">
      <t>オリ</t>
    </rPh>
    <phoneticPr fontId="1"/>
  </si>
  <si>
    <t>吉田　栄</t>
    <rPh sb="3" eb="4">
      <t>サカエ</t>
    </rPh>
    <phoneticPr fontId="1"/>
  </si>
  <si>
    <t>吉田　栄</t>
    <rPh sb="0" eb="2">
      <t>ヨシダ</t>
    </rPh>
    <rPh sb="3" eb="4">
      <t>サカエ</t>
    </rPh>
    <phoneticPr fontId="1"/>
  </si>
  <si>
    <t>誠和福祉会</t>
    <rPh sb="0" eb="2">
      <t>セイワ</t>
    </rPh>
    <rPh sb="2" eb="4">
      <t>フクシ</t>
    </rPh>
    <rPh sb="4" eb="5">
      <t>カイ</t>
    </rPh>
    <phoneticPr fontId="1"/>
  </si>
  <si>
    <t>藤沢市</t>
    <rPh sb="0" eb="3">
      <t>フジサワシ</t>
    </rPh>
    <phoneticPr fontId="1"/>
  </si>
  <si>
    <t>アスク辻堂保育園</t>
    <rPh sb="3" eb="5">
      <t>ツジドウ</t>
    </rPh>
    <rPh sb="5" eb="8">
      <t>ホイクエン</t>
    </rPh>
    <phoneticPr fontId="1"/>
  </si>
  <si>
    <t>日本保育サービス</t>
    <rPh sb="0" eb="2">
      <t>ニホン</t>
    </rPh>
    <rPh sb="2" eb="4">
      <t>ホイク</t>
    </rPh>
    <phoneticPr fontId="1"/>
  </si>
  <si>
    <t>藤沢市辻堂新町1-14-19</t>
    <rPh sb="3" eb="5">
      <t>ツジドウ</t>
    </rPh>
    <rPh sb="5" eb="7">
      <t>シンマチ</t>
    </rPh>
    <phoneticPr fontId="1"/>
  </si>
  <si>
    <t>251-0042</t>
    <phoneticPr fontId="1"/>
  </si>
  <si>
    <t>0466-30-0380</t>
    <phoneticPr fontId="1"/>
  </si>
  <si>
    <t>0466-90-5198</t>
    <phoneticPr fontId="1"/>
  </si>
  <si>
    <t>翠福祉会</t>
    <rPh sb="0" eb="1">
      <t>ミドリ</t>
    </rPh>
    <rPh sb="1" eb="4">
      <t>フクシカイ</t>
    </rPh>
    <phoneticPr fontId="1"/>
  </si>
  <si>
    <t>鵠沼げんきっず保育園</t>
    <rPh sb="0" eb="2">
      <t>クゲヌマ</t>
    </rPh>
    <rPh sb="7" eb="9">
      <t>ホイク</t>
    </rPh>
    <rPh sb="9" eb="10">
      <t>エン</t>
    </rPh>
    <phoneticPr fontId="1"/>
  </si>
  <si>
    <t>みらい</t>
    <phoneticPr fontId="1"/>
  </si>
  <si>
    <t>251-0028</t>
    <phoneticPr fontId="1"/>
  </si>
  <si>
    <t>藤沢市本鵠沼4-9-3</t>
    <rPh sb="0" eb="3">
      <t>フジサワシ</t>
    </rPh>
    <rPh sb="3" eb="6">
      <t>ホンクゲヌマ</t>
    </rPh>
    <phoneticPr fontId="1"/>
  </si>
  <si>
    <t>0466-35-6655</t>
    <phoneticPr fontId="1"/>
  </si>
  <si>
    <t>0466-35-6677</t>
    <phoneticPr fontId="1"/>
  </si>
  <si>
    <t>亀山　珠樹</t>
    <rPh sb="0" eb="2">
      <t>カメヤマ</t>
    </rPh>
    <rPh sb="3" eb="5">
      <t>タマキ</t>
    </rPh>
    <phoneticPr fontId="1"/>
  </si>
  <si>
    <t>ココファン・ナーサリー藤沢ＳＳＴ</t>
    <rPh sb="11" eb="13">
      <t>フジサワ</t>
    </rPh>
    <phoneticPr fontId="1"/>
  </si>
  <si>
    <t>学研ココファン・ナーサリー</t>
    <rPh sb="0" eb="2">
      <t>ガッケン</t>
    </rPh>
    <phoneticPr fontId="1"/>
  </si>
  <si>
    <t>加藤絵里</t>
    <rPh sb="0" eb="2">
      <t>カトウ</t>
    </rPh>
    <rPh sb="2" eb="4">
      <t>エリ</t>
    </rPh>
    <phoneticPr fontId="1"/>
  </si>
  <si>
    <t>藤沢市辻堂元町6-17-1</t>
    <phoneticPr fontId="1"/>
  </si>
  <si>
    <t>251-0043</t>
  </si>
  <si>
    <t>0466-54-7167</t>
    <phoneticPr fontId="1"/>
  </si>
  <si>
    <t>0466-54-7177</t>
  </si>
  <si>
    <t>厚木市田村町2-20三橋ビルアネックス1Ｆ</t>
    <rPh sb="0" eb="3">
      <t>アツギシ</t>
    </rPh>
    <rPh sb="3" eb="5">
      <t>タムラ</t>
    </rPh>
    <rPh sb="5" eb="6">
      <t>マチ</t>
    </rPh>
    <rPh sb="10" eb="12">
      <t>ミツハシ</t>
    </rPh>
    <phoneticPr fontId="1"/>
  </si>
  <si>
    <t>大和オハナ保育園</t>
    <rPh sb="0" eb="2">
      <t>ヤマト</t>
    </rPh>
    <rPh sb="5" eb="8">
      <t>ホイクエン</t>
    </rPh>
    <phoneticPr fontId="1"/>
  </si>
  <si>
    <t>石郷岡渚</t>
  </si>
  <si>
    <t>安島　恵美子</t>
    <rPh sb="0" eb="2">
      <t>アジマ</t>
    </rPh>
    <rPh sb="3" eb="6">
      <t>エミコ</t>
    </rPh>
    <phoneticPr fontId="1"/>
  </si>
  <si>
    <t>長谷川眞由美</t>
    <rPh sb="0" eb="3">
      <t>ハセガワ</t>
    </rPh>
    <rPh sb="3" eb="6">
      <t>マユミ</t>
    </rPh>
    <phoneticPr fontId="1"/>
  </si>
  <si>
    <t>保育園おそらのぽっけ</t>
    <rPh sb="0" eb="2">
      <t>ホイク</t>
    </rPh>
    <rPh sb="2" eb="3">
      <t>エン</t>
    </rPh>
    <phoneticPr fontId="1"/>
  </si>
  <si>
    <t>手島　玲子</t>
    <phoneticPr fontId="1"/>
  </si>
  <si>
    <t>大和市中央林間１－２１－１２</t>
  </si>
  <si>
    <t>242-0007</t>
    <phoneticPr fontId="1"/>
  </si>
  <si>
    <t>046-273-0400</t>
    <phoneticPr fontId="1"/>
  </si>
  <si>
    <t>(20)</t>
    <phoneticPr fontId="1"/>
  </si>
  <si>
    <t>堀之内美津子</t>
    <rPh sb="0" eb="3">
      <t>ホリノウチ</t>
    </rPh>
    <rPh sb="3" eb="6">
      <t>ミツコ</t>
    </rPh>
    <phoneticPr fontId="1"/>
  </si>
  <si>
    <t>湘南きらら保育園</t>
    <rPh sb="0" eb="2">
      <t>ショウナン</t>
    </rPh>
    <rPh sb="1" eb="2">
      <t>ミナミ</t>
    </rPh>
    <rPh sb="5" eb="7">
      <t>ホイク</t>
    </rPh>
    <rPh sb="7" eb="8">
      <t>エン</t>
    </rPh>
    <phoneticPr fontId="1"/>
  </si>
  <si>
    <t>保育園アワーキッズ湘南</t>
    <rPh sb="0" eb="3">
      <t>ホイクエン</t>
    </rPh>
    <rPh sb="9" eb="11">
      <t>ショウナン</t>
    </rPh>
    <phoneticPr fontId="1"/>
  </si>
  <si>
    <t>藤沢市鵠沼橘1-6-3</t>
    <rPh sb="0" eb="3">
      <t>フジサワシ</t>
    </rPh>
    <rPh sb="3" eb="5">
      <t>クゲヌマ</t>
    </rPh>
    <rPh sb="5" eb="6">
      <t>タチバナ</t>
    </rPh>
    <phoneticPr fontId="1"/>
  </si>
  <si>
    <t>まなびの森保育園中央林間</t>
    <rPh sb="4" eb="5">
      <t>モリ</t>
    </rPh>
    <rPh sb="5" eb="8">
      <t>ホイクエン</t>
    </rPh>
    <rPh sb="8" eb="10">
      <t>チュウオウ</t>
    </rPh>
    <rPh sb="10" eb="12">
      <t>リンカン</t>
    </rPh>
    <phoneticPr fontId="1"/>
  </si>
  <si>
    <t>こどもの森</t>
    <rPh sb="4" eb="5">
      <t>モリ</t>
    </rPh>
    <phoneticPr fontId="1"/>
  </si>
  <si>
    <t>明野育枝</t>
    <rPh sb="0" eb="2">
      <t>アケノ</t>
    </rPh>
    <rPh sb="2" eb="3">
      <t>イク</t>
    </rPh>
    <rPh sb="3" eb="4">
      <t>エダ</t>
    </rPh>
    <phoneticPr fontId="1"/>
  </si>
  <si>
    <t>大和南林間雲母保育園</t>
    <rPh sb="0" eb="2">
      <t>ヤマト</t>
    </rPh>
    <rPh sb="2" eb="3">
      <t>ミナミ</t>
    </rPh>
    <rPh sb="3" eb="5">
      <t>リンカン</t>
    </rPh>
    <rPh sb="5" eb="7">
      <t>キララ</t>
    </rPh>
    <rPh sb="7" eb="10">
      <t>ホイクエン</t>
    </rPh>
    <phoneticPr fontId="1"/>
  </si>
  <si>
    <t>酒田みなみの保育園</t>
    <rPh sb="0" eb="2">
      <t>サカタ</t>
    </rPh>
    <rPh sb="6" eb="9">
      <t>ホイクエン</t>
    </rPh>
    <phoneticPr fontId="1"/>
  </si>
  <si>
    <t>足柄上郡開成町みなみ2-5-1</t>
    <rPh sb="0" eb="2">
      <t>アシガラ</t>
    </rPh>
    <rPh sb="2" eb="3">
      <t>カミ</t>
    </rPh>
    <rPh sb="3" eb="4">
      <t>グン</t>
    </rPh>
    <phoneticPr fontId="1"/>
  </si>
  <si>
    <t>茅ケ崎市幸町9-11</t>
  </si>
  <si>
    <t>252-1111</t>
    <phoneticPr fontId="1"/>
  </si>
  <si>
    <t>綾瀬いずみ保育園 あーす館</t>
    <rPh sb="0" eb="2">
      <t>アヤセ</t>
    </rPh>
    <rPh sb="5" eb="8">
      <t>ホイクエン</t>
    </rPh>
    <rPh sb="12" eb="13">
      <t>カン</t>
    </rPh>
    <phoneticPr fontId="1"/>
  </si>
  <si>
    <t>綾瀬市上土棚北4-7-49</t>
    <rPh sb="0" eb="3">
      <t>アヤセシ</t>
    </rPh>
    <rPh sb="3" eb="4">
      <t>カミ</t>
    </rPh>
    <rPh sb="4" eb="5">
      <t>ハムロ</t>
    </rPh>
    <rPh sb="5" eb="6">
      <t>タナ</t>
    </rPh>
    <rPh sb="6" eb="7">
      <t>キタ</t>
    </rPh>
    <phoneticPr fontId="1"/>
  </si>
  <si>
    <t>小川　　智</t>
    <rPh sb="4" eb="5">
      <t>トモ</t>
    </rPh>
    <phoneticPr fontId="1"/>
  </si>
  <si>
    <t>藤本俊</t>
    <rPh sb="0" eb="2">
      <t>フジモト</t>
    </rPh>
    <rPh sb="2" eb="3">
      <t>シュン</t>
    </rPh>
    <phoneticPr fontId="1"/>
  </si>
  <si>
    <t>飯尾美恵子</t>
    <rPh sb="0" eb="2">
      <t>イイオ</t>
    </rPh>
    <rPh sb="2" eb="5">
      <t>ミエコ</t>
    </rPh>
    <phoneticPr fontId="1"/>
  </si>
  <si>
    <t>伊藤　伊津美</t>
  </si>
  <si>
    <t>小瀬村　晴美</t>
  </si>
  <si>
    <t>吉岡　智子</t>
  </si>
  <si>
    <t>木下の保育園海老名</t>
    <rPh sb="0" eb="2">
      <t>キノシタ</t>
    </rPh>
    <rPh sb="3" eb="6">
      <t>ホイクエン</t>
    </rPh>
    <rPh sb="6" eb="9">
      <t>エビナコエビ</t>
    </rPh>
    <phoneticPr fontId="1"/>
  </si>
  <si>
    <t>木下の保育園相武台</t>
    <rPh sb="0" eb="2">
      <t>キノシタ</t>
    </rPh>
    <rPh sb="3" eb="6">
      <t>ホイクエン</t>
    </rPh>
    <rPh sb="6" eb="9">
      <t>ソウブダイ</t>
    </rPh>
    <phoneticPr fontId="1"/>
  </si>
  <si>
    <t>ﾅｰｻﾘｰｽｸｰﾙT＆Y相模が丘</t>
    <rPh sb="12" eb="14">
      <t>サガミ</t>
    </rPh>
    <rPh sb="15" eb="16">
      <t>オカ</t>
    </rPh>
    <phoneticPr fontId="1"/>
  </si>
  <si>
    <t>座間市相模が丘５丁目47番16号</t>
    <phoneticPr fontId="1"/>
  </si>
  <si>
    <t>藤沢市</t>
    <rPh sb="0" eb="3">
      <t>フジサワシ</t>
    </rPh>
    <phoneticPr fontId="1"/>
  </si>
  <si>
    <t>アスク長後保育園</t>
    <rPh sb="3" eb="5">
      <t>チョウゴ</t>
    </rPh>
    <rPh sb="5" eb="7">
      <t>ホイク</t>
    </rPh>
    <rPh sb="7" eb="8">
      <t>エン</t>
    </rPh>
    <phoneticPr fontId="1"/>
  </si>
  <si>
    <t>辻堂すきっぷ保育園</t>
    <rPh sb="0" eb="2">
      <t>ツジドウ</t>
    </rPh>
    <rPh sb="6" eb="8">
      <t>ホイク</t>
    </rPh>
    <rPh sb="8" eb="9">
      <t>エン</t>
    </rPh>
    <phoneticPr fontId="1"/>
  </si>
  <si>
    <t>株式会社</t>
    <rPh sb="0" eb="4">
      <t>カブシキガイシャ</t>
    </rPh>
    <phoneticPr fontId="1"/>
  </si>
  <si>
    <t>藤沢市高倉672-4</t>
    <rPh sb="0" eb="3">
      <t>フジサワシ</t>
    </rPh>
    <rPh sb="3" eb="5">
      <t>タカクラ</t>
    </rPh>
    <phoneticPr fontId="1"/>
  </si>
  <si>
    <t>益田能乃</t>
    <rPh sb="0" eb="2">
      <t>マスダ</t>
    </rPh>
    <rPh sb="2" eb="3">
      <t>ノウ</t>
    </rPh>
    <rPh sb="3" eb="4">
      <t>ノ</t>
    </rPh>
    <phoneticPr fontId="1"/>
  </si>
  <si>
    <t>日本保育サービス</t>
    <rPh sb="0" eb="2">
      <t>ニホン</t>
    </rPh>
    <rPh sb="2" eb="4">
      <t>ホイク</t>
    </rPh>
    <phoneticPr fontId="1"/>
  </si>
  <si>
    <t>俊英館</t>
    <rPh sb="0" eb="1">
      <t>トシ</t>
    </rPh>
    <rPh sb="1" eb="2">
      <t>ヒデ</t>
    </rPh>
    <rPh sb="2" eb="3">
      <t>カン</t>
    </rPh>
    <phoneticPr fontId="1"/>
  </si>
  <si>
    <t>藤沢市辻堂６丁目14-5</t>
    <rPh sb="0" eb="3">
      <t>フジサワシ</t>
    </rPh>
    <rPh sb="3" eb="5">
      <t>ツジドウ</t>
    </rPh>
    <rPh sb="6" eb="8">
      <t>チョウメ</t>
    </rPh>
    <phoneticPr fontId="1"/>
  </si>
  <si>
    <t>ﾅｰｻﾘｰｽｸｰﾙＴ＆Ｙ本郷</t>
    <rPh sb="12" eb="14">
      <t>ホンゴウ</t>
    </rPh>
    <phoneticPr fontId="1"/>
  </si>
  <si>
    <t>さとり</t>
    <phoneticPr fontId="1"/>
  </si>
  <si>
    <t>田中　まゆみ</t>
    <rPh sb="0" eb="2">
      <t>タナカ</t>
    </rPh>
    <phoneticPr fontId="1"/>
  </si>
  <si>
    <t>中尾　良美</t>
    <rPh sb="0" eb="2">
      <t>ナカオ</t>
    </rPh>
    <rPh sb="3" eb="5">
      <t>ヨシミ</t>
    </rPh>
    <phoneticPr fontId="1"/>
  </si>
  <si>
    <t>遠藤　文子</t>
    <rPh sb="0" eb="2">
      <t>エンドウ</t>
    </rPh>
    <rPh sb="3" eb="5">
      <t>フミコ</t>
    </rPh>
    <phoneticPr fontId="1"/>
  </si>
  <si>
    <t>有村　美奈子</t>
    <rPh sb="0" eb="2">
      <t>アリムラ</t>
    </rPh>
    <rPh sb="3" eb="6">
      <t>ミナコ</t>
    </rPh>
    <phoneticPr fontId="1"/>
  </si>
  <si>
    <t>相馬　正覚</t>
    <rPh sb="0" eb="2">
      <t>ソウマ</t>
    </rPh>
    <rPh sb="3" eb="4">
      <t>マサ</t>
    </rPh>
    <rPh sb="4" eb="5">
      <t>サトル</t>
    </rPh>
    <phoneticPr fontId="1"/>
  </si>
  <si>
    <t>佐藤　博子</t>
    <rPh sb="0" eb="2">
      <t>サトウ</t>
    </rPh>
    <rPh sb="3" eb="5">
      <t>ヒロコ</t>
    </rPh>
    <phoneticPr fontId="1"/>
  </si>
  <si>
    <t>中込　幹子</t>
    <rPh sb="0" eb="2">
      <t>ナカゴミ</t>
    </rPh>
    <rPh sb="3" eb="5">
      <t>ミキコ</t>
    </rPh>
    <phoneticPr fontId="1"/>
  </si>
  <si>
    <t>宮崎　みさを</t>
    <rPh sb="0" eb="2">
      <t>ミヤザキ</t>
    </rPh>
    <phoneticPr fontId="1"/>
  </si>
  <si>
    <t>宮所　優子</t>
    <rPh sb="0" eb="1">
      <t>ミヤ</t>
    </rPh>
    <rPh sb="1" eb="2">
      <t>トコロ</t>
    </rPh>
    <rPh sb="3" eb="5">
      <t>ユウコ</t>
    </rPh>
    <phoneticPr fontId="1"/>
  </si>
  <si>
    <t>小松原　典子</t>
    <rPh sb="0" eb="3">
      <t>コマツバラ</t>
    </rPh>
    <rPh sb="4" eb="6">
      <t>ノリコ</t>
    </rPh>
    <phoneticPr fontId="1"/>
  </si>
  <si>
    <t>隈元　郁美</t>
    <rPh sb="0" eb="2">
      <t>クマモト</t>
    </rPh>
    <rPh sb="3" eb="5">
      <t>イクミ</t>
    </rPh>
    <phoneticPr fontId="1"/>
  </si>
  <si>
    <t>関　紀子</t>
    <rPh sb="0" eb="1">
      <t>セキ</t>
    </rPh>
    <rPh sb="2" eb="4">
      <t>ノリコ</t>
    </rPh>
    <phoneticPr fontId="1"/>
  </si>
  <si>
    <t>矢田　雅子</t>
    <rPh sb="0" eb="2">
      <t>ヤダ</t>
    </rPh>
    <rPh sb="3" eb="5">
      <t>マサコ</t>
    </rPh>
    <phoneticPr fontId="1"/>
  </si>
  <si>
    <t>永田　久美子</t>
    <rPh sb="0" eb="2">
      <t>ナガタ</t>
    </rPh>
    <rPh sb="3" eb="6">
      <t>クミコ</t>
    </rPh>
    <phoneticPr fontId="1"/>
  </si>
  <si>
    <t>普川　孝子</t>
    <rPh sb="0" eb="2">
      <t>フカワ</t>
    </rPh>
    <rPh sb="3" eb="5">
      <t>タカコ</t>
    </rPh>
    <phoneticPr fontId="1"/>
  </si>
  <si>
    <t>藤田　喜代子</t>
    <rPh sb="3" eb="6">
      <t>キヨコ</t>
    </rPh>
    <phoneticPr fontId="1"/>
  </si>
  <si>
    <t>小西　　美津枝</t>
    <rPh sb="4" eb="7">
      <t>ミツエ</t>
    </rPh>
    <phoneticPr fontId="1"/>
  </si>
  <si>
    <t>和田　操</t>
    <rPh sb="0" eb="2">
      <t>ワダ</t>
    </rPh>
    <rPh sb="3" eb="4">
      <t>アヤツ</t>
    </rPh>
    <phoneticPr fontId="1"/>
  </si>
  <si>
    <t>北村　信子</t>
    <rPh sb="0" eb="2">
      <t>キタムラ</t>
    </rPh>
    <rPh sb="3" eb="5">
      <t>ノブコ</t>
    </rPh>
    <phoneticPr fontId="1"/>
  </si>
  <si>
    <t>富岡　洋文</t>
    <rPh sb="0" eb="2">
      <t>トミオカ</t>
    </rPh>
    <rPh sb="3" eb="4">
      <t>ヨウ</t>
    </rPh>
    <rPh sb="4" eb="5">
      <t>フミ</t>
    </rPh>
    <phoneticPr fontId="1"/>
  </si>
  <si>
    <t>杉山　友佐子</t>
    <rPh sb="0" eb="2">
      <t>スギヤマ</t>
    </rPh>
    <rPh sb="3" eb="4">
      <t>トモ</t>
    </rPh>
    <rPh sb="4" eb="5">
      <t>サ</t>
    </rPh>
    <rPh sb="5" eb="6">
      <t>コ</t>
    </rPh>
    <phoneticPr fontId="1"/>
  </si>
  <si>
    <t>森　初美</t>
    <rPh sb="0" eb="1">
      <t>モリ</t>
    </rPh>
    <rPh sb="2" eb="4">
      <t>ハツミ</t>
    </rPh>
    <phoneticPr fontId="1"/>
  </si>
  <si>
    <t>鈴木　美穂</t>
    <rPh sb="0" eb="2">
      <t>スズキ</t>
    </rPh>
    <rPh sb="3" eb="5">
      <t>ミホ</t>
    </rPh>
    <phoneticPr fontId="1"/>
  </si>
  <si>
    <t>新原　裕佳</t>
    <rPh sb="0" eb="1">
      <t>シン</t>
    </rPh>
    <rPh sb="1" eb="2">
      <t>ハラ</t>
    </rPh>
    <rPh sb="3" eb="5">
      <t>ユカ</t>
    </rPh>
    <phoneticPr fontId="1"/>
  </si>
  <si>
    <t>吉岡　智子</t>
    <rPh sb="0" eb="2">
      <t>ヨシオカ</t>
    </rPh>
    <rPh sb="3" eb="5">
      <t>トモコ</t>
    </rPh>
    <phoneticPr fontId="1"/>
  </si>
  <si>
    <t>蓑和　央愛</t>
    <rPh sb="0" eb="2">
      <t>ミノワ</t>
    </rPh>
    <rPh sb="3" eb="4">
      <t>ヒサシ</t>
    </rPh>
    <rPh sb="4" eb="5">
      <t>アイ</t>
    </rPh>
    <phoneticPr fontId="1"/>
  </si>
  <si>
    <t>北原　里江</t>
    <rPh sb="3" eb="5">
      <t>リエ</t>
    </rPh>
    <phoneticPr fontId="1"/>
  </si>
  <si>
    <t>佐々木　有紀</t>
    <rPh sb="0" eb="3">
      <t>ササキ</t>
    </rPh>
    <rPh sb="4" eb="6">
      <t>ユウキ</t>
    </rPh>
    <phoneticPr fontId="1"/>
  </si>
  <si>
    <t>麦っ子畑保育園</t>
    <rPh sb="0" eb="1">
      <t>ムギ</t>
    </rPh>
    <rPh sb="2" eb="3">
      <t>コ</t>
    </rPh>
    <rPh sb="3" eb="4">
      <t>ハタケ</t>
    </rPh>
    <rPh sb="4" eb="6">
      <t>ホイク</t>
    </rPh>
    <rPh sb="6" eb="7">
      <t>エン</t>
    </rPh>
    <phoneticPr fontId="1"/>
  </si>
  <si>
    <t>NPO</t>
    <phoneticPr fontId="1"/>
  </si>
  <si>
    <t>どんぐりと山猫会</t>
    <rPh sb="5" eb="7">
      <t>ヤマネコ</t>
    </rPh>
    <rPh sb="7" eb="8">
      <t>カイ</t>
    </rPh>
    <phoneticPr fontId="1"/>
  </si>
  <si>
    <t>大島　貴美子</t>
    <rPh sb="0" eb="2">
      <t>オオシマ</t>
    </rPh>
    <rPh sb="3" eb="6">
      <t>キミコ</t>
    </rPh>
    <phoneticPr fontId="1"/>
  </si>
  <si>
    <t>252-0015</t>
    <phoneticPr fontId="1"/>
  </si>
  <si>
    <t>228-0001</t>
    <phoneticPr fontId="1"/>
  </si>
  <si>
    <t>座間市南栗原1-3330-3</t>
    <rPh sb="0" eb="3">
      <t>ザマシ</t>
    </rPh>
    <rPh sb="3" eb="6">
      <t>ミナミクリハラ</t>
    </rPh>
    <phoneticPr fontId="1"/>
  </si>
  <si>
    <t xml:space="preserve"> 046-255-7087</t>
  </si>
  <si>
    <t>042-705-9533</t>
  </si>
  <si>
    <t>早川　知子</t>
    <rPh sb="0" eb="2">
      <t>ハヤカワ</t>
    </rPh>
    <rPh sb="3" eb="5">
      <t>トモコ</t>
    </rPh>
    <phoneticPr fontId="1"/>
  </si>
  <si>
    <t>露木　睦</t>
    <rPh sb="0" eb="2">
      <t>ツユキ</t>
    </rPh>
    <rPh sb="3" eb="4">
      <t>ムツ</t>
    </rPh>
    <phoneticPr fontId="1"/>
  </si>
  <si>
    <t>258-0025</t>
    <phoneticPr fontId="1"/>
  </si>
  <si>
    <t>しらゆり保育園</t>
    <rPh sb="4" eb="6">
      <t>ホイク</t>
    </rPh>
    <rPh sb="6" eb="7">
      <t>エン</t>
    </rPh>
    <phoneticPr fontId="1"/>
  </si>
  <si>
    <t>進和学園</t>
    <rPh sb="0" eb="1">
      <t>シン</t>
    </rPh>
    <rPh sb="1" eb="2">
      <t>ワ</t>
    </rPh>
    <rPh sb="2" eb="4">
      <t>ガクエン</t>
    </rPh>
    <phoneticPr fontId="1"/>
  </si>
  <si>
    <t>竹下栄次</t>
    <rPh sb="0" eb="2">
      <t>タケシタ</t>
    </rPh>
    <rPh sb="2" eb="3">
      <t>エイ</t>
    </rPh>
    <rPh sb="3" eb="4">
      <t>ジ</t>
    </rPh>
    <phoneticPr fontId="1"/>
  </si>
  <si>
    <t>ひなた保育園</t>
    <rPh sb="3" eb="6">
      <t>ホイクエン</t>
    </rPh>
    <phoneticPr fontId="1"/>
  </si>
  <si>
    <t>夢の成る木</t>
    <rPh sb="0" eb="1">
      <t>ユメ</t>
    </rPh>
    <rPh sb="2" eb="3">
      <t>ナ</t>
    </rPh>
    <rPh sb="4" eb="5">
      <t>キ</t>
    </rPh>
    <phoneticPr fontId="1"/>
  </si>
  <si>
    <t>吉川　孝道</t>
    <rPh sb="0" eb="2">
      <t>ヨシカワ</t>
    </rPh>
    <rPh sb="3" eb="5">
      <t>タカミチ</t>
    </rPh>
    <phoneticPr fontId="1"/>
  </si>
  <si>
    <t>海老名市国分北4-12-28</t>
    <rPh sb="0" eb="4">
      <t>エビナシ</t>
    </rPh>
    <rPh sb="4" eb="6">
      <t>コクブン</t>
    </rPh>
    <rPh sb="6" eb="7">
      <t>キタ</t>
    </rPh>
    <phoneticPr fontId="1"/>
  </si>
  <si>
    <t>243-0417</t>
    <phoneticPr fontId="1"/>
  </si>
  <si>
    <t>046-259-8631</t>
    <phoneticPr fontId="1"/>
  </si>
  <si>
    <t>243-0406</t>
    <phoneticPr fontId="1"/>
  </si>
  <si>
    <t>本良　敬典</t>
    <rPh sb="0" eb="1">
      <t>ホン</t>
    </rPh>
    <rPh sb="1" eb="2">
      <t>リョウ</t>
    </rPh>
    <rPh sb="3" eb="4">
      <t>ケイ</t>
    </rPh>
    <rPh sb="4" eb="5">
      <t>テン</t>
    </rPh>
    <phoneticPr fontId="1"/>
  </si>
  <si>
    <t>由比ガ浜保育園</t>
    <rPh sb="0" eb="2">
      <t>ユイ</t>
    </rPh>
    <rPh sb="3" eb="4">
      <t>ハマ</t>
    </rPh>
    <rPh sb="4" eb="6">
      <t>ホイク</t>
    </rPh>
    <rPh sb="6" eb="7">
      <t>エン</t>
    </rPh>
    <phoneticPr fontId="1"/>
  </si>
  <si>
    <t>248-0014</t>
    <phoneticPr fontId="1"/>
  </si>
  <si>
    <t>モード・プランニング・ジャパン</t>
    <phoneticPr fontId="1"/>
  </si>
  <si>
    <t>モード・プランニング・ジャパン</t>
    <phoneticPr fontId="1"/>
  </si>
  <si>
    <t>鎌倉市由比ガ浜3-11-48</t>
    <rPh sb="3" eb="5">
      <t>ユイ</t>
    </rPh>
    <rPh sb="6" eb="7">
      <t>ハマ</t>
    </rPh>
    <phoneticPr fontId="1"/>
  </si>
  <si>
    <t>0463-89-1325　</t>
  </si>
  <si>
    <t>0463-20-4176</t>
    <phoneticPr fontId="1"/>
  </si>
  <si>
    <t>252-0802</t>
    <phoneticPr fontId="1"/>
  </si>
  <si>
    <t>0466-46-3251</t>
    <phoneticPr fontId="1"/>
  </si>
  <si>
    <t>251-0047</t>
    <phoneticPr fontId="1"/>
  </si>
  <si>
    <t>0466-86-7357</t>
    <phoneticPr fontId="1"/>
  </si>
  <si>
    <t>251-0024</t>
    <phoneticPr fontId="1"/>
  </si>
  <si>
    <t>0466-47-3910</t>
    <phoneticPr fontId="1"/>
  </si>
  <si>
    <t>0465-20-9914</t>
    <phoneticPr fontId="1"/>
  </si>
  <si>
    <t>0467-52-7009</t>
    <phoneticPr fontId="1"/>
  </si>
  <si>
    <t>0467-82-3517</t>
    <phoneticPr fontId="1"/>
  </si>
  <si>
    <t>046-276-3883</t>
    <phoneticPr fontId="1"/>
  </si>
  <si>
    <t>242-0024</t>
    <phoneticPr fontId="1"/>
  </si>
  <si>
    <t>大和市福田1988-1</t>
    <rPh sb="0" eb="3">
      <t>ヤマトシ</t>
    </rPh>
    <rPh sb="3" eb="5">
      <t>フクダ</t>
    </rPh>
    <phoneticPr fontId="1"/>
  </si>
  <si>
    <t>242-0001</t>
    <phoneticPr fontId="1"/>
  </si>
  <si>
    <t>046-275-0880</t>
    <phoneticPr fontId="1"/>
  </si>
  <si>
    <t>046-278-2720</t>
    <phoneticPr fontId="1"/>
  </si>
  <si>
    <t>大和市南林間1-13-6</t>
    <rPh sb="3" eb="6">
      <t>ミナミリンカン</t>
    </rPh>
    <phoneticPr fontId="1"/>
  </si>
  <si>
    <t>046-271-7221</t>
    <phoneticPr fontId="1"/>
  </si>
  <si>
    <t>242-0006</t>
    <phoneticPr fontId="1"/>
  </si>
  <si>
    <t>243-0436</t>
    <phoneticPr fontId="1"/>
  </si>
  <si>
    <t>海老名市扇町5-1</t>
    <rPh sb="0" eb="4">
      <t>エビナシ</t>
    </rPh>
    <rPh sb="4" eb="5">
      <t>オウギ</t>
    </rPh>
    <rPh sb="5" eb="6">
      <t>マチ</t>
    </rPh>
    <phoneticPr fontId="1"/>
  </si>
  <si>
    <t>046-259-6871</t>
    <phoneticPr fontId="1"/>
  </si>
  <si>
    <t>259-0123</t>
    <phoneticPr fontId="1"/>
  </si>
  <si>
    <t>0463-73-3331</t>
    <phoneticPr fontId="1"/>
  </si>
  <si>
    <t>足柄上郡大井町西大井231</t>
    <rPh sb="4" eb="7">
      <t>オオイマチ</t>
    </rPh>
    <rPh sb="7" eb="10">
      <t>ニシオオイ</t>
    </rPh>
    <phoneticPr fontId="1"/>
  </si>
  <si>
    <t>0465-43-8852</t>
    <phoneticPr fontId="1"/>
  </si>
  <si>
    <t>0465-83-3730</t>
    <phoneticPr fontId="1"/>
  </si>
  <si>
    <t>ライクアカデミー</t>
    <phoneticPr fontId="1"/>
  </si>
  <si>
    <t>ライクアカデミー</t>
    <phoneticPr fontId="1"/>
  </si>
  <si>
    <t>鈴木　文</t>
    <rPh sb="0" eb="2">
      <t>スズキ</t>
    </rPh>
    <rPh sb="3" eb="4">
      <t>フミ</t>
    </rPh>
    <phoneticPr fontId="1"/>
  </si>
  <si>
    <t>小沼　和紀</t>
    <rPh sb="0" eb="2">
      <t>コヌマ</t>
    </rPh>
    <rPh sb="3" eb="5">
      <t>カズキ</t>
    </rPh>
    <phoneticPr fontId="1"/>
  </si>
  <si>
    <t>原内　麻衣子</t>
    <rPh sb="0" eb="1">
      <t>ハラ</t>
    </rPh>
    <rPh sb="1" eb="2">
      <t>ウチ</t>
    </rPh>
    <rPh sb="3" eb="6">
      <t>マイコ</t>
    </rPh>
    <phoneticPr fontId="1"/>
  </si>
  <si>
    <t>福田　奈美恵</t>
    <rPh sb="0" eb="2">
      <t>フクダ</t>
    </rPh>
    <rPh sb="3" eb="6">
      <t>ナミエ</t>
    </rPh>
    <phoneticPr fontId="1"/>
  </si>
  <si>
    <t>安東　新子</t>
    <rPh sb="0" eb="2">
      <t>アンドウ</t>
    </rPh>
    <rPh sb="3" eb="4">
      <t>シン</t>
    </rPh>
    <rPh sb="4" eb="5">
      <t>コ</t>
    </rPh>
    <phoneticPr fontId="1"/>
  </si>
  <si>
    <t>鎌倉おなり保育園</t>
    <rPh sb="0" eb="2">
      <t>カマクラ</t>
    </rPh>
    <rPh sb="5" eb="8">
      <t>ホイクエン</t>
    </rPh>
    <phoneticPr fontId="1"/>
  </si>
  <si>
    <t>鎌倉静養館</t>
  </si>
  <si>
    <t>鎌倉市御成町２－５</t>
    <rPh sb="0" eb="2">
      <t>カマクラ</t>
    </rPh>
    <rPh sb="2" eb="3">
      <t>シ</t>
    </rPh>
    <rPh sb="3" eb="5">
      <t>オナ</t>
    </rPh>
    <rPh sb="5" eb="6">
      <t>マチ</t>
    </rPh>
    <phoneticPr fontId="1"/>
  </si>
  <si>
    <t>アスクくげぬま北保育園</t>
    <rPh sb="7" eb="11">
      <t>キタホイクエン</t>
    </rPh>
    <phoneticPr fontId="1"/>
  </si>
  <si>
    <t>株式会社</t>
    <rPh sb="0" eb="4">
      <t>カブシキカイシャ</t>
    </rPh>
    <phoneticPr fontId="1"/>
  </si>
  <si>
    <t>藤沢市鵠沼石上3-1-3</t>
  </si>
  <si>
    <t>高橋　妙子</t>
  </si>
  <si>
    <t>わかたけ第２保育園</t>
    <rPh sb="4" eb="5">
      <t>ダイ</t>
    </rPh>
    <rPh sb="6" eb="9">
      <t>ホ</t>
    </rPh>
    <phoneticPr fontId="1"/>
  </si>
  <si>
    <t>社会福祉法人</t>
    <rPh sb="0" eb="6">
      <t>シャカイフクシホウジン</t>
    </rPh>
    <phoneticPr fontId="1"/>
  </si>
  <si>
    <t>清水　明子</t>
    <rPh sb="0" eb="2">
      <t>シミズ</t>
    </rPh>
    <rPh sb="3" eb="5">
      <t>アキコ</t>
    </rPh>
    <phoneticPr fontId="1"/>
  </si>
  <si>
    <t>藤沢市辻堂一丁目５番５号</t>
  </si>
  <si>
    <t>湘南たんぽぽ保育園</t>
    <rPh sb="0" eb="2">
      <t>ショウナン</t>
    </rPh>
    <rPh sb="6" eb="9">
      <t>ホイクエン</t>
    </rPh>
    <phoneticPr fontId="1"/>
  </si>
  <si>
    <t>湘南日向会</t>
    <rPh sb="0" eb="2">
      <t>ショウナン</t>
    </rPh>
    <rPh sb="2" eb="4">
      <t>ヒュウガ</t>
    </rPh>
    <rPh sb="4" eb="5">
      <t>カイ</t>
    </rPh>
    <phoneticPr fontId="1"/>
  </si>
  <si>
    <t>藤沢市石川６丁目18番46</t>
  </si>
  <si>
    <t>戸倉　裕二郎</t>
  </si>
  <si>
    <t>辻堂あいまーる保育園</t>
    <rPh sb="0" eb="2">
      <t>ツジドウ</t>
    </rPh>
    <rPh sb="7" eb="10">
      <t>ホイクエン</t>
    </rPh>
    <phoneticPr fontId="1"/>
  </si>
  <si>
    <t>藤沢市辻堂６丁目４-３</t>
  </si>
  <si>
    <t>小城　里英</t>
    <rPh sb="0" eb="2">
      <t>コシロ</t>
    </rPh>
    <rPh sb="3" eb="5">
      <t>リエ</t>
    </rPh>
    <phoneticPr fontId="1"/>
  </si>
  <si>
    <t>茅ヶ崎市</t>
    <rPh sb="0" eb="4">
      <t>チガサキシ</t>
    </rPh>
    <phoneticPr fontId="1"/>
  </si>
  <si>
    <t>ピノキオ幼児舎茅ヶ崎保育園</t>
    <rPh sb="4" eb="6">
      <t>ヨウジ</t>
    </rPh>
    <rPh sb="6" eb="7">
      <t>シャ</t>
    </rPh>
    <rPh sb="7" eb="13">
      <t>チガサキホイクエン</t>
    </rPh>
    <phoneticPr fontId="1"/>
  </si>
  <si>
    <t>ドリームワールド</t>
    <phoneticPr fontId="1"/>
  </si>
  <si>
    <t>茅ヶ崎市東海岸南2-6-9</t>
  </si>
  <si>
    <t>茅ヶ崎ひよこ保育園</t>
    <rPh sb="0" eb="3">
      <t>チガサキ</t>
    </rPh>
    <rPh sb="6" eb="9">
      <t>ホイクエン</t>
    </rPh>
    <phoneticPr fontId="1"/>
  </si>
  <si>
    <t>茅ヶ崎市新栄町13-45</t>
    <rPh sb="0" eb="4">
      <t>チガサキシ</t>
    </rPh>
    <rPh sb="4" eb="7">
      <t>シンエイチョウ</t>
    </rPh>
    <phoneticPr fontId="7"/>
  </si>
  <si>
    <t>早川　仁美</t>
  </si>
  <si>
    <t>つくし保育園</t>
    <rPh sb="3" eb="6">
      <t>ホイクエン</t>
    </rPh>
    <phoneticPr fontId="1"/>
  </si>
  <si>
    <t>合同会社</t>
    <rPh sb="0" eb="4">
      <t>ゴウドウガイシャ</t>
    </rPh>
    <phoneticPr fontId="1"/>
  </si>
  <si>
    <t>湘南TCCS</t>
    <rPh sb="0" eb="2">
      <t>ショウナン</t>
    </rPh>
    <phoneticPr fontId="1"/>
  </si>
  <si>
    <t>秦野市鶴巻南１丁目１－６</t>
  </si>
  <si>
    <t>土屋　孝治</t>
  </si>
  <si>
    <t>ハレノヒ保育園</t>
    <rPh sb="4" eb="7">
      <t>ホイクエン</t>
    </rPh>
    <phoneticPr fontId="1"/>
  </si>
  <si>
    <t>ＵＮＩＴＥＤＦＡＭＩＬＹ</t>
  </si>
  <si>
    <t>阿部　慎</t>
  </si>
  <si>
    <t>秦野市名古木38番地</t>
  </si>
  <si>
    <t>進和会</t>
    <rPh sb="0" eb="1">
      <t>シン</t>
    </rPh>
    <rPh sb="1" eb="2">
      <t>ワ</t>
    </rPh>
    <rPh sb="2" eb="3">
      <t>カイ</t>
    </rPh>
    <phoneticPr fontId="1"/>
  </si>
  <si>
    <t>小島　栄希</t>
  </si>
  <si>
    <t>秦野市今川町1-2</t>
  </si>
  <si>
    <t>秦野さくらんぼ保育園</t>
    <rPh sb="0" eb="2">
      <t>ハダノ</t>
    </rPh>
    <rPh sb="7" eb="10">
      <t>ホイクエン</t>
    </rPh>
    <phoneticPr fontId="1"/>
  </si>
  <si>
    <t>キッズ湘南</t>
    <rPh sb="3" eb="5">
      <t>ショウナン</t>
    </rPh>
    <phoneticPr fontId="1"/>
  </si>
  <si>
    <t>秦野市栄町５－１１－１</t>
  </si>
  <si>
    <t>佐野　徹</t>
  </si>
  <si>
    <t>白百合幼児園</t>
    <rPh sb="0" eb="3">
      <t>シラユリ</t>
    </rPh>
    <rPh sb="3" eb="5">
      <t>ヨウジ</t>
    </rPh>
    <rPh sb="5" eb="6">
      <t>エン</t>
    </rPh>
    <phoneticPr fontId="1"/>
  </si>
  <si>
    <t>雲柱社</t>
    <rPh sb="0" eb="1">
      <t>クモ</t>
    </rPh>
    <rPh sb="1" eb="2">
      <t>ハシラ</t>
    </rPh>
    <rPh sb="2" eb="3">
      <t>シャ</t>
    </rPh>
    <phoneticPr fontId="1"/>
  </si>
  <si>
    <t>堀　光雄</t>
  </si>
  <si>
    <t>秦野市鈴張町２－２２</t>
  </si>
  <si>
    <t>堀川ほほえみ保育園</t>
    <rPh sb="0" eb="2">
      <t>ホリカワ</t>
    </rPh>
    <rPh sb="6" eb="9">
      <t>ホイクエン</t>
    </rPh>
    <phoneticPr fontId="1"/>
  </si>
  <si>
    <t>苺一会</t>
    <rPh sb="0" eb="1">
      <t>イチゴ</t>
    </rPh>
    <rPh sb="1" eb="3">
      <t>イチエ</t>
    </rPh>
    <phoneticPr fontId="1"/>
  </si>
  <si>
    <t>濵口　せつ子</t>
  </si>
  <si>
    <t>秦野市堀川22番地の１</t>
  </si>
  <si>
    <t>ナーサリースクールT＆Y本厚木</t>
    <rPh sb="12" eb="15">
      <t>ホンアツギ</t>
    </rPh>
    <phoneticPr fontId="1"/>
  </si>
  <si>
    <t>さとり</t>
    <phoneticPr fontId="1"/>
  </si>
  <si>
    <t>厚木市中町３丁目18番５号　ソーケン本厚木ビル２階</t>
  </si>
  <si>
    <t>80</t>
    <phoneticPr fontId="1"/>
  </si>
  <si>
    <t>厚木・あさひ保育園</t>
    <rPh sb="0" eb="2">
      <t>アツギ</t>
    </rPh>
    <rPh sb="6" eb="9">
      <t>ホイクエン</t>
    </rPh>
    <phoneticPr fontId="1"/>
  </si>
  <si>
    <t>あさひ保育所</t>
    <rPh sb="3" eb="5">
      <t>ホイク</t>
    </rPh>
    <rPh sb="5" eb="6">
      <t>ショ</t>
    </rPh>
    <phoneticPr fontId="1"/>
  </si>
  <si>
    <t>斉藤　文子</t>
  </si>
  <si>
    <t>厚木市旭町5-2-32 ウィン本厚木2階3階</t>
  </si>
  <si>
    <t>70</t>
    <phoneticPr fontId="1"/>
  </si>
  <si>
    <t>厚木ふじの花保育園</t>
    <rPh sb="0" eb="2">
      <t>アツギ</t>
    </rPh>
    <rPh sb="5" eb="6">
      <t>ハナ</t>
    </rPh>
    <rPh sb="6" eb="9">
      <t>ホイクエン</t>
    </rPh>
    <phoneticPr fontId="1"/>
  </si>
  <si>
    <t>相原　千恵子</t>
  </si>
  <si>
    <t>厚木市旭町２丁目835番２</t>
  </si>
  <si>
    <t>130</t>
    <phoneticPr fontId="1"/>
  </si>
  <si>
    <t>なるせ保育園</t>
    <rPh sb="3" eb="6">
      <t>ホイクエン</t>
    </rPh>
    <phoneticPr fontId="1"/>
  </si>
  <si>
    <t>めばえ</t>
    <phoneticPr fontId="1"/>
  </si>
  <si>
    <t>伊勢原市下糟屋3031番３</t>
  </si>
  <si>
    <t>H.30.3.27</t>
    <phoneticPr fontId="1"/>
  </si>
  <si>
    <t>ヴィラまなびの森保育園中央林間</t>
    <rPh sb="7" eb="8">
      <t>モリ</t>
    </rPh>
    <rPh sb="8" eb="11">
      <t>ホイクエン</t>
    </rPh>
    <rPh sb="11" eb="15">
      <t>チュウオウリンカン</t>
    </rPh>
    <phoneticPr fontId="1"/>
  </si>
  <si>
    <t>三浦　淳子</t>
  </si>
  <si>
    <t>H.30.3.26</t>
  </si>
  <si>
    <t>キンダーガーデンりんかん</t>
    <phoneticPr fontId="1"/>
  </si>
  <si>
    <t>新考会</t>
    <rPh sb="0" eb="1">
      <t>シン</t>
    </rPh>
    <rPh sb="1" eb="2">
      <t>コウ</t>
    </rPh>
    <rPh sb="2" eb="3">
      <t>カイ</t>
    </rPh>
    <phoneticPr fontId="1"/>
  </si>
  <si>
    <t>田中　和子</t>
  </si>
  <si>
    <t>大和市中央林間三丁目27番7号</t>
  </si>
  <si>
    <t>海老名市</t>
    <phoneticPr fontId="1"/>
  </si>
  <si>
    <t>ひよこ保育園</t>
    <rPh sb="3" eb="6">
      <t>ホイクエン</t>
    </rPh>
    <phoneticPr fontId="1"/>
  </si>
  <si>
    <t>NPO法人</t>
    <rPh sb="3" eb="5">
      <t>ホウジン</t>
    </rPh>
    <phoneticPr fontId="1"/>
  </si>
  <si>
    <t>佐々木　かよ子</t>
  </si>
  <si>
    <t>海老名市上郷一丁目15番20号</t>
  </si>
  <si>
    <t>木下の保育園めぐみ町</t>
    <rPh sb="0" eb="2">
      <t>キノシタ</t>
    </rPh>
    <rPh sb="3" eb="5">
      <t>ホイク</t>
    </rPh>
    <rPh sb="5" eb="6">
      <t>エン</t>
    </rPh>
    <rPh sb="9" eb="10">
      <t>マチ</t>
    </rPh>
    <phoneticPr fontId="1"/>
  </si>
  <si>
    <t>木下の保育</t>
    <rPh sb="0" eb="2">
      <t>キノシタ</t>
    </rPh>
    <rPh sb="3" eb="5">
      <t>ホイク</t>
    </rPh>
    <phoneticPr fontId="1"/>
  </si>
  <si>
    <t>大森　雅美</t>
  </si>
  <si>
    <t>海老名市めぐみ町２番１号ViNA GARDENS TERRACE １階</t>
  </si>
  <si>
    <t>座間市</t>
    <rPh sb="0" eb="3">
      <t>ザマシ</t>
    </rPh>
    <phoneticPr fontId="1"/>
  </si>
  <si>
    <t>スマイルワールド保育園</t>
    <rPh sb="8" eb="11">
      <t>ホイクエン</t>
    </rPh>
    <phoneticPr fontId="1"/>
  </si>
  <si>
    <t>中村　博子</t>
  </si>
  <si>
    <t>マジオたんぽぽ保育園相武台</t>
    <rPh sb="7" eb="9">
      <t>ホイク</t>
    </rPh>
    <rPh sb="9" eb="10">
      <t>エン</t>
    </rPh>
    <rPh sb="10" eb="13">
      <t>ソウブダイ</t>
    </rPh>
    <phoneticPr fontId="1"/>
  </si>
  <si>
    <t>マジオネット多摩</t>
    <rPh sb="6" eb="8">
      <t>タマ</t>
    </rPh>
    <phoneticPr fontId="1"/>
  </si>
  <si>
    <t>平井　雅子</t>
  </si>
  <si>
    <t>熊倉　洋介</t>
    <rPh sb="0" eb="2">
      <t>クマクラ</t>
    </rPh>
    <rPh sb="3" eb="5">
      <t>ヨウスケ</t>
    </rPh>
    <phoneticPr fontId="1"/>
  </si>
  <si>
    <t>浅野　高史</t>
    <rPh sb="0" eb="2">
      <t>アサノ</t>
    </rPh>
    <rPh sb="3" eb="5">
      <t>タカシ</t>
    </rPh>
    <phoneticPr fontId="1"/>
  </si>
  <si>
    <t>杉山　美奈子</t>
    <rPh sb="0" eb="2">
      <t>スギヤマ</t>
    </rPh>
    <rPh sb="3" eb="6">
      <t>ミナコ</t>
    </rPh>
    <phoneticPr fontId="1"/>
  </si>
  <si>
    <t>西鶴間保育園分園</t>
    <rPh sb="0" eb="1">
      <t>ニシ</t>
    </rPh>
    <rPh sb="1" eb="3">
      <t>ツルマ</t>
    </rPh>
    <rPh sb="3" eb="6">
      <t>ホイクエン</t>
    </rPh>
    <rPh sb="6" eb="8">
      <t>ブンエン</t>
    </rPh>
    <phoneticPr fontId="1"/>
  </si>
  <si>
    <t>大和市西鶴間４丁目12番33号ライラックプラザ１階</t>
    <rPh sb="24" eb="25">
      <t>カイ</t>
    </rPh>
    <phoneticPr fontId="1"/>
  </si>
  <si>
    <t>小林　須美子</t>
    <rPh sb="0" eb="2">
      <t>コバヤシ</t>
    </rPh>
    <rPh sb="3" eb="6">
      <t>スミコ</t>
    </rPh>
    <phoneticPr fontId="1"/>
  </si>
  <si>
    <t>前田　みゆき</t>
    <rPh sb="0" eb="2">
      <t>マエダ</t>
    </rPh>
    <phoneticPr fontId="1"/>
  </si>
  <si>
    <t>神田　あおい</t>
    <rPh sb="0" eb="2">
      <t>カンダ</t>
    </rPh>
    <phoneticPr fontId="1"/>
  </si>
  <si>
    <t>杉本　昌宏</t>
    <rPh sb="0" eb="2">
      <t>スギモト</t>
    </rPh>
    <rPh sb="3" eb="5">
      <t>マサヒロ</t>
    </rPh>
    <phoneticPr fontId="1"/>
  </si>
  <si>
    <t>二村　寛子</t>
    <rPh sb="0" eb="2">
      <t>フタムラ</t>
    </rPh>
    <rPh sb="3" eb="4">
      <t>カン</t>
    </rPh>
    <rPh sb="4" eb="5">
      <t>コ</t>
    </rPh>
    <phoneticPr fontId="1"/>
  </si>
  <si>
    <t>南條　法子</t>
    <rPh sb="0" eb="2">
      <t>ナンジョウ</t>
    </rPh>
    <rPh sb="3" eb="5">
      <t>ノリコ</t>
    </rPh>
    <phoneticPr fontId="1"/>
  </si>
  <si>
    <t>小出　ゆみ子</t>
    <rPh sb="0" eb="2">
      <t>コイデ</t>
    </rPh>
    <rPh sb="5" eb="6">
      <t>コ</t>
    </rPh>
    <phoneticPr fontId="1"/>
  </si>
  <si>
    <t>多田　佐智子</t>
    <rPh sb="0" eb="2">
      <t>タダ</t>
    </rPh>
    <rPh sb="3" eb="6">
      <t>サチコ</t>
    </rPh>
    <phoneticPr fontId="1"/>
  </si>
  <si>
    <t>吉田　浩子</t>
    <rPh sb="0" eb="2">
      <t>ヨシダ</t>
    </rPh>
    <rPh sb="3" eb="5">
      <t>ヒロコ</t>
    </rPh>
    <phoneticPr fontId="1"/>
  </si>
  <si>
    <t>中村会</t>
    <rPh sb="0" eb="2">
      <t>ナカムラ</t>
    </rPh>
    <rPh sb="2" eb="3">
      <t>カイ</t>
    </rPh>
    <phoneticPr fontId="1"/>
  </si>
  <si>
    <t>西尾　千恵</t>
    <rPh sb="0" eb="2">
      <t>ニシオ</t>
    </rPh>
    <rPh sb="3" eb="5">
      <t>チエ</t>
    </rPh>
    <phoneticPr fontId="1"/>
  </si>
  <si>
    <t>平　牧子</t>
    <rPh sb="2" eb="4">
      <t>マキコ</t>
    </rPh>
    <phoneticPr fontId="1"/>
  </si>
  <si>
    <t>霜島　明枝</t>
    <rPh sb="0" eb="1">
      <t>シモ</t>
    </rPh>
    <rPh sb="1" eb="2">
      <t>シマ</t>
    </rPh>
    <rPh sb="3" eb="5">
      <t>ハルエ</t>
    </rPh>
    <phoneticPr fontId="1"/>
  </si>
  <si>
    <t>後藤　絵理</t>
    <rPh sb="0" eb="2">
      <t>ゴトウ</t>
    </rPh>
    <rPh sb="3" eb="5">
      <t>エリ</t>
    </rPh>
    <phoneticPr fontId="1"/>
  </si>
  <si>
    <t>川路　知子</t>
    <rPh sb="0" eb="2">
      <t>カワジ</t>
    </rPh>
    <rPh sb="3" eb="5">
      <t>トモコ</t>
    </rPh>
    <phoneticPr fontId="1"/>
  </si>
  <si>
    <t>藤岡　陽子</t>
    <rPh sb="0" eb="2">
      <t>フジオカ</t>
    </rPh>
    <rPh sb="3" eb="5">
      <t>ヨウコ</t>
    </rPh>
    <phoneticPr fontId="1"/>
  </si>
  <si>
    <t>塩原　佳織</t>
    <rPh sb="0" eb="2">
      <t>シオハラ</t>
    </rPh>
    <rPh sb="3" eb="5">
      <t>カオリ</t>
    </rPh>
    <phoneticPr fontId="1"/>
  </si>
  <si>
    <t>あっぷる園分園</t>
    <rPh sb="4" eb="5">
      <t>エン</t>
    </rPh>
    <rPh sb="5" eb="7">
      <t>ブンエン</t>
    </rPh>
    <phoneticPr fontId="1"/>
  </si>
  <si>
    <t>J30.4.24</t>
    <phoneticPr fontId="1"/>
  </si>
  <si>
    <t>大和市下鶴間2792-18</t>
    <rPh sb="0" eb="3">
      <t>ヤマトシ</t>
    </rPh>
    <rPh sb="3" eb="6">
      <t>シモツルマ</t>
    </rPh>
    <phoneticPr fontId="1"/>
  </si>
  <si>
    <t>中　信一郎</t>
    <rPh sb="2" eb="5">
      <t>シンイチロウ</t>
    </rPh>
    <phoneticPr fontId="1"/>
  </si>
  <si>
    <t>宮脇　陽子</t>
    <rPh sb="0" eb="2">
      <t>ミヤワキ</t>
    </rPh>
    <rPh sb="3" eb="5">
      <t>ヨウコ</t>
    </rPh>
    <phoneticPr fontId="1"/>
  </si>
  <si>
    <t>金子　縁</t>
    <rPh sb="0" eb="2">
      <t>カネコ</t>
    </rPh>
    <rPh sb="3" eb="4">
      <t>エン</t>
    </rPh>
    <phoneticPr fontId="1"/>
  </si>
  <si>
    <t>242-0007</t>
    <phoneticPr fontId="1"/>
  </si>
  <si>
    <t>046-277-8010</t>
    <phoneticPr fontId="1"/>
  </si>
  <si>
    <t>046-277-8011</t>
    <phoneticPr fontId="1"/>
  </si>
  <si>
    <t>276-3600</t>
    <phoneticPr fontId="1"/>
  </si>
  <si>
    <t>046-257-0415</t>
    <phoneticPr fontId="1"/>
  </si>
  <si>
    <t>046-255-5522</t>
    <phoneticPr fontId="1"/>
  </si>
  <si>
    <t>座間市相武台２－４２－２３</t>
    <phoneticPr fontId="1"/>
  </si>
  <si>
    <t>座間市南栗原１－１１－１１</t>
    <phoneticPr fontId="1"/>
  </si>
  <si>
    <t>0467-57-6151</t>
    <phoneticPr fontId="1"/>
  </si>
  <si>
    <t>03-6369-4330</t>
    <phoneticPr fontId="1"/>
  </si>
  <si>
    <t>253-0054　</t>
    <phoneticPr fontId="1"/>
  </si>
  <si>
    <t xml:space="preserve">253-0044 </t>
    <phoneticPr fontId="1"/>
  </si>
  <si>
    <t>0467-84-9761</t>
  </si>
  <si>
    <t>越智　晴美</t>
    <rPh sb="0" eb="2">
      <t>コシトモ</t>
    </rPh>
    <rPh sb="3" eb="5">
      <t>ハルミ</t>
    </rPh>
    <phoneticPr fontId="1"/>
  </si>
  <si>
    <t>神明保育園分園　しんめい　はじめ保育園</t>
    <rPh sb="0" eb="7">
      <t>シンメイホイクエンブンエン</t>
    </rPh>
    <rPh sb="16" eb="19">
      <t>ホイクエン</t>
    </rPh>
    <phoneticPr fontId="1"/>
  </si>
  <si>
    <t>藤沢市鵠沼神明1-4-21NTTコム湘南藤沢ビル１F</t>
    <rPh sb="0" eb="3">
      <t>フジサワシ</t>
    </rPh>
    <rPh sb="3" eb="5">
      <t>クゲヌマ</t>
    </rPh>
    <rPh sb="5" eb="7">
      <t>シンメイ</t>
    </rPh>
    <rPh sb="18" eb="20">
      <t>ショウナン</t>
    </rPh>
    <rPh sb="20" eb="22">
      <t>フジサワ</t>
    </rPh>
    <phoneticPr fontId="1"/>
  </si>
  <si>
    <t>小池　千春</t>
    <rPh sb="0" eb="2">
      <t>コイケ</t>
    </rPh>
    <rPh sb="3" eb="5">
      <t>チハル</t>
    </rPh>
    <phoneticPr fontId="1"/>
  </si>
  <si>
    <t>古川　久代</t>
    <rPh sb="0" eb="2">
      <t>フルカワ</t>
    </rPh>
    <rPh sb="3" eb="5">
      <t>ヒサヨ</t>
    </rPh>
    <phoneticPr fontId="1"/>
  </si>
  <si>
    <t>廣瀬　牧実</t>
    <rPh sb="0" eb="2">
      <t>ヒロセ</t>
    </rPh>
    <rPh sb="3" eb="4">
      <t>マキ</t>
    </rPh>
    <rPh sb="4" eb="5">
      <t>ミ</t>
    </rPh>
    <phoneticPr fontId="1"/>
  </si>
  <si>
    <t>御所見愛児園分園　湘南台つぼみ</t>
    <rPh sb="0" eb="2">
      <t>ゴショ</t>
    </rPh>
    <rPh sb="2" eb="3">
      <t>ミ</t>
    </rPh>
    <rPh sb="3" eb="5">
      <t>アイジ</t>
    </rPh>
    <rPh sb="5" eb="6">
      <t>エン</t>
    </rPh>
    <rPh sb="6" eb="8">
      <t>ブンエン</t>
    </rPh>
    <rPh sb="9" eb="12">
      <t>ショウナンダイ</t>
    </rPh>
    <phoneticPr fontId="1"/>
  </si>
  <si>
    <t>藤沢市湘南台4-10-24</t>
    <rPh sb="0" eb="6">
      <t>フジサワシショウナンダイ</t>
    </rPh>
    <phoneticPr fontId="1"/>
  </si>
  <si>
    <t>小野　いち子</t>
    <rPh sb="0" eb="2">
      <t>オノ</t>
    </rPh>
    <rPh sb="5" eb="6">
      <t>コ</t>
    </rPh>
    <phoneticPr fontId="1"/>
  </si>
  <si>
    <t>ベル・フラワー保育園</t>
    <rPh sb="7" eb="10">
      <t>ホイクエン</t>
    </rPh>
    <phoneticPr fontId="1"/>
  </si>
  <si>
    <t>山本　宏江</t>
    <rPh sb="0" eb="2">
      <t>ヤマモト</t>
    </rPh>
    <rPh sb="3" eb="4">
      <t>ヒロ</t>
    </rPh>
    <rPh sb="4" eb="5">
      <t>エ</t>
    </rPh>
    <phoneticPr fontId="1"/>
  </si>
  <si>
    <t>桝田　紀子</t>
    <rPh sb="0" eb="2">
      <t>マスダ</t>
    </rPh>
    <rPh sb="3" eb="5">
      <t>ノリコ</t>
    </rPh>
    <phoneticPr fontId="1"/>
  </si>
  <si>
    <t>三浦　郁子</t>
    <rPh sb="0" eb="2">
      <t>ミウラ</t>
    </rPh>
    <rPh sb="3" eb="5">
      <t>イクコ</t>
    </rPh>
    <phoneticPr fontId="1"/>
  </si>
  <si>
    <t>下田　まどか</t>
    <rPh sb="0" eb="2">
      <t>シモダ</t>
    </rPh>
    <phoneticPr fontId="1"/>
  </si>
  <si>
    <t>西山　三英子</t>
    <rPh sb="0" eb="2">
      <t>ニシヤマ</t>
    </rPh>
    <rPh sb="3" eb="4">
      <t>ミ</t>
    </rPh>
    <rPh sb="4" eb="6">
      <t>エイコ</t>
    </rPh>
    <phoneticPr fontId="1"/>
  </si>
  <si>
    <t>落合　至</t>
    <rPh sb="0" eb="2">
      <t>オチアイ</t>
    </rPh>
    <rPh sb="3" eb="4">
      <t>イタ</t>
    </rPh>
    <phoneticPr fontId="1"/>
  </si>
  <si>
    <t>吉川　世津子</t>
    <rPh sb="0" eb="2">
      <t>ヨシカワ</t>
    </rPh>
    <rPh sb="3" eb="6">
      <t>セツコ</t>
    </rPh>
    <phoneticPr fontId="1"/>
  </si>
  <si>
    <t>佐藤　みゆき</t>
    <rPh sb="0" eb="2">
      <t>サトウ</t>
    </rPh>
    <phoneticPr fontId="1"/>
  </si>
  <si>
    <t>伊藤　利惠</t>
    <rPh sb="0" eb="2">
      <t>イトウ</t>
    </rPh>
    <rPh sb="3" eb="4">
      <t>リ</t>
    </rPh>
    <rPh sb="4" eb="5">
      <t>メグミ</t>
    </rPh>
    <phoneticPr fontId="1"/>
  </si>
  <si>
    <t>北見　智美</t>
    <rPh sb="0" eb="2">
      <t>キタミ</t>
    </rPh>
    <rPh sb="3" eb="5">
      <t>トモミ</t>
    </rPh>
    <phoneticPr fontId="1"/>
  </si>
  <si>
    <t>046-204-8305</t>
    <phoneticPr fontId="1"/>
  </si>
  <si>
    <t>243-0438</t>
    <phoneticPr fontId="1"/>
  </si>
  <si>
    <t>（福）妙常会：指定管理者</t>
    <phoneticPr fontId="1"/>
  </si>
  <si>
    <t>山本　公子</t>
    <rPh sb="0" eb="2">
      <t>ヤマモト</t>
    </rPh>
    <rPh sb="3" eb="5">
      <t>キミコ</t>
    </rPh>
    <phoneticPr fontId="1"/>
  </si>
  <si>
    <t>小針　宏</t>
    <rPh sb="0" eb="2">
      <t>コハリ</t>
    </rPh>
    <rPh sb="3" eb="4">
      <t>ヒロシ</t>
    </rPh>
    <phoneticPr fontId="1"/>
  </si>
  <si>
    <t>かえでチャイルドセンター</t>
    <phoneticPr fontId="1"/>
  </si>
  <si>
    <t>学校法人</t>
    <rPh sb="0" eb="4">
      <t>ガッコウホウジン</t>
    </rPh>
    <phoneticPr fontId="1"/>
  </si>
  <si>
    <t>生蘭学園</t>
    <rPh sb="0" eb="4">
      <t>セイランガクエン</t>
    </rPh>
    <phoneticPr fontId="1"/>
  </si>
  <si>
    <t>金子　ますみ</t>
    <rPh sb="0" eb="2">
      <t>カネコ</t>
    </rPh>
    <phoneticPr fontId="1"/>
  </si>
  <si>
    <t>綾瀬市寺尾台１丁目12番60号</t>
    <rPh sb="0" eb="2">
      <t>アヤセ</t>
    </rPh>
    <rPh sb="2" eb="3">
      <t>シ</t>
    </rPh>
    <rPh sb="3" eb="5">
      <t>テラオ</t>
    </rPh>
    <rPh sb="5" eb="6">
      <t>ダイ</t>
    </rPh>
    <rPh sb="7" eb="9">
      <t>チョウメ</t>
    </rPh>
    <rPh sb="11" eb="12">
      <t>バン</t>
    </rPh>
    <rPh sb="14" eb="15">
      <t>ゴウ</t>
    </rPh>
    <phoneticPr fontId="1"/>
  </si>
  <si>
    <t>田中　久美子</t>
    <rPh sb="3" eb="6">
      <t>クミコ</t>
    </rPh>
    <phoneticPr fontId="1"/>
  </si>
  <si>
    <t>青木　広美</t>
    <rPh sb="0" eb="2">
      <t>アオキ</t>
    </rPh>
    <rPh sb="3" eb="5">
      <t>ヒロミ</t>
    </rPh>
    <phoneticPr fontId="1"/>
  </si>
  <si>
    <t>第２湘南まるめろ保育園</t>
    <rPh sb="0" eb="1">
      <t>ダイ</t>
    </rPh>
    <rPh sb="2" eb="4">
      <t>ショウナン</t>
    </rPh>
    <rPh sb="8" eb="11">
      <t>ホイクエン</t>
    </rPh>
    <phoneticPr fontId="1"/>
  </si>
  <si>
    <t>藤沢市城南1-21-17</t>
    <rPh sb="0" eb="3">
      <t>フジサワシ</t>
    </rPh>
    <rPh sb="3" eb="5">
      <t>シロミナミ</t>
    </rPh>
    <phoneticPr fontId="1"/>
  </si>
  <si>
    <t>太田　悦子</t>
    <rPh sb="0" eb="2">
      <t>オオタ</t>
    </rPh>
    <rPh sb="3" eb="5">
      <t>エツコ</t>
    </rPh>
    <phoneticPr fontId="1"/>
  </si>
  <si>
    <t>大和市中央林間九丁目６-１</t>
    <rPh sb="0" eb="3">
      <t>ヤマトシ</t>
    </rPh>
    <rPh sb="3" eb="7">
      <t>チュウオウリンカン</t>
    </rPh>
    <rPh sb="7" eb="8">
      <t>９</t>
    </rPh>
    <rPh sb="8" eb="10">
      <t>チョウメ</t>
    </rPh>
    <phoneticPr fontId="1"/>
  </si>
  <si>
    <t>高座渋谷ゆめいろ保育園桜ケ丘分園</t>
    <rPh sb="0" eb="4">
      <t>コウザシブヤ</t>
    </rPh>
    <rPh sb="8" eb="16">
      <t>ホイクエンサクラガオカブンエン</t>
    </rPh>
    <phoneticPr fontId="1"/>
  </si>
  <si>
    <t>大和市福田5507-2　ドルチェ桜ケ丘B棟</t>
    <rPh sb="0" eb="3">
      <t>ヤマトシ</t>
    </rPh>
    <rPh sb="3" eb="5">
      <t>フクダ</t>
    </rPh>
    <rPh sb="16" eb="19">
      <t>サクラガオカ</t>
    </rPh>
    <rPh sb="20" eb="21">
      <t>トウ</t>
    </rPh>
    <phoneticPr fontId="1"/>
  </si>
  <si>
    <t>大和市中央林間八丁目４番39号</t>
    <rPh sb="0" eb="3">
      <t>ヤマトシ</t>
    </rPh>
    <rPh sb="3" eb="7">
      <t>チュウオウリンカン</t>
    </rPh>
    <rPh sb="7" eb="8">
      <t>ハッ</t>
    </rPh>
    <rPh sb="8" eb="10">
      <t>チョウメ</t>
    </rPh>
    <rPh sb="11" eb="12">
      <t>バン</t>
    </rPh>
    <rPh sb="14" eb="15">
      <t>ゴウ</t>
    </rPh>
    <phoneticPr fontId="1"/>
  </si>
  <si>
    <t>大和市中央林間八丁目2番28号</t>
    <rPh sb="0" eb="3">
      <t>ヤマトシ</t>
    </rPh>
    <rPh sb="3" eb="7">
      <t>チュウオウリンカン</t>
    </rPh>
    <rPh sb="7" eb="10">
      <t>８チョウメ</t>
    </rPh>
    <rPh sb="11" eb="12">
      <t>バン</t>
    </rPh>
    <rPh sb="14" eb="15">
      <t>ゴウ</t>
    </rPh>
    <phoneticPr fontId="1"/>
  </si>
  <si>
    <t>藤沢市辻堂2-7-7ｳｨﾝﾃﾞｨ湘南2階</t>
    <phoneticPr fontId="1"/>
  </si>
  <si>
    <t>藤沢市柄沢2-7-23</t>
    <rPh sb="0" eb="3">
      <t>フジサワシ</t>
    </rPh>
    <rPh sb="3" eb="4">
      <t>エ</t>
    </rPh>
    <rPh sb="4" eb="5">
      <t>サワ</t>
    </rPh>
    <phoneticPr fontId="1"/>
  </si>
  <si>
    <t>泉原　みどり</t>
    <rPh sb="0" eb="2">
      <t>イズミハラ</t>
    </rPh>
    <phoneticPr fontId="1"/>
  </si>
  <si>
    <t>藤沢市柄沢1-6-5</t>
    <rPh sb="3" eb="5">
      <t>カラサワ</t>
    </rPh>
    <phoneticPr fontId="1"/>
  </si>
  <si>
    <t>大和市中央林間6-32-6</t>
    <rPh sb="0" eb="3">
      <t>ヤマトシ</t>
    </rPh>
    <rPh sb="3" eb="7">
      <t>チュウオウリンカン</t>
    </rPh>
    <phoneticPr fontId="1"/>
  </si>
  <si>
    <t>◎</t>
    <phoneticPr fontId="1"/>
  </si>
  <si>
    <t>施設名称
◎は認定こども園
★は夜間保育所
▲は公私連携型</t>
    <rPh sb="0" eb="2">
      <t>シセツ</t>
    </rPh>
    <rPh sb="2" eb="4">
      <t>メイショウ</t>
    </rPh>
    <rPh sb="8" eb="10">
      <t>ニンテイ</t>
    </rPh>
    <rPh sb="13" eb="14">
      <t>エン</t>
    </rPh>
    <rPh sb="17" eb="19">
      <t>ヤカン</t>
    </rPh>
    <rPh sb="19" eb="21">
      <t>ホイク</t>
    </rPh>
    <rPh sb="21" eb="22">
      <t>ジョ</t>
    </rPh>
    <rPh sb="25" eb="27">
      <t>コウシ</t>
    </rPh>
    <rPh sb="27" eb="30">
      <t>レンケイガタ</t>
    </rPh>
    <phoneticPr fontId="1"/>
  </si>
  <si>
    <t>▲</t>
  </si>
  <si>
    <t>柴田　美帆</t>
    <rPh sb="0" eb="2">
      <t>シバタ</t>
    </rPh>
    <rPh sb="3" eb="5">
      <t>ミホ</t>
    </rPh>
    <phoneticPr fontId="1"/>
  </si>
  <si>
    <t>藤沢市湘南台3-9-1</t>
    <rPh sb="0" eb="3">
      <t>フジサワシ</t>
    </rPh>
    <rPh sb="3" eb="6">
      <t>ショウナンダイ</t>
    </rPh>
    <phoneticPr fontId="1"/>
  </si>
  <si>
    <t>鈴木　美紀</t>
    <rPh sb="0" eb="2">
      <t>スズキ</t>
    </rPh>
    <rPh sb="3" eb="5">
      <t>ミキ</t>
    </rPh>
    <phoneticPr fontId="1"/>
  </si>
  <si>
    <t>金野　朝美</t>
    <rPh sb="0" eb="2">
      <t>コンノ</t>
    </rPh>
    <rPh sb="3" eb="5">
      <t>アサミ</t>
    </rPh>
    <phoneticPr fontId="1"/>
  </si>
  <si>
    <t>谷　澄雄</t>
    <rPh sb="0" eb="1">
      <t>タニ</t>
    </rPh>
    <rPh sb="2" eb="4">
      <t>スミオ</t>
    </rPh>
    <phoneticPr fontId="1"/>
  </si>
  <si>
    <t>湘南なでしこ保育園分園</t>
    <rPh sb="0" eb="2">
      <t>ショウナン</t>
    </rPh>
    <rPh sb="6" eb="9">
      <t>ホイクエン</t>
    </rPh>
    <rPh sb="9" eb="11">
      <t>ブンエン</t>
    </rPh>
    <phoneticPr fontId="1"/>
  </si>
  <si>
    <t>茅ヶ崎市香川七丁目７番１</t>
    <rPh sb="0" eb="4">
      <t>チガサキシ</t>
    </rPh>
    <rPh sb="4" eb="6">
      <t>カガワ</t>
    </rPh>
    <rPh sb="6" eb="9">
      <t>ナナチョウメ</t>
    </rPh>
    <rPh sb="10" eb="11">
      <t>バン</t>
    </rPh>
    <phoneticPr fontId="1"/>
  </si>
  <si>
    <t>座間市入谷東3-35-12</t>
    <rPh sb="0" eb="6">
      <t>ザマシイリヤヒガシ</t>
    </rPh>
    <phoneticPr fontId="1"/>
  </si>
  <si>
    <t>渡辺　功</t>
    <rPh sb="0" eb="2">
      <t>ワタナベ</t>
    </rPh>
    <rPh sb="3" eb="4">
      <t>イサオ</t>
    </rPh>
    <phoneticPr fontId="1"/>
  </si>
  <si>
    <t>座間市入谷東四丁目58番１号</t>
    <rPh sb="0" eb="3">
      <t>ザマシ</t>
    </rPh>
    <rPh sb="3" eb="5">
      <t>イリヤ</t>
    </rPh>
    <rPh sb="5" eb="6">
      <t>ヒガシ</t>
    </rPh>
    <rPh sb="6" eb="9">
      <t>４チョウメ</t>
    </rPh>
    <rPh sb="11" eb="12">
      <t>バン</t>
    </rPh>
    <rPh sb="13" eb="14">
      <t>ゴウ</t>
    </rPh>
    <phoneticPr fontId="1"/>
  </si>
  <si>
    <t>座間市入谷東三丁目27番１号</t>
    <rPh sb="0" eb="3">
      <t>ザマシ</t>
    </rPh>
    <rPh sb="3" eb="5">
      <t>イリヤ</t>
    </rPh>
    <rPh sb="5" eb="6">
      <t>ヒガシ</t>
    </rPh>
    <rPh sb="6" eb="7">
      <t>ミ</t>
    </rPh>
    <rPh sb="7" eb="9">
      <t>チョウメ</t>
    </rPh>
    <rPh sb="11" eb="12">
      <t>バン</t>
    </rPh>
    <rPh sb="13" eb="14">
      <t>ゴウ</t>
    </rPh>
    <phoneticPr fontId="1"/>
  </si>
  <si>
    <t>須藤　玲子</t>
    <rPh sb="0" eb="2">
      <t>スドウ</t>
    </rPh>
    <rPh sb="3" eb="5">
      <t>レイコ</t>
    </rPh>
    <phoneticPr fontId="1"/>
  </si>
  <si>
    <t>藤沢市大鋸1-2-15</t>
    <phoneticPr fontId="1"/>
  </si>
  <si>
    <t>工藤　秋雄</t>
    <rPh sb="0" eb="2">
      <t>クドウ</t>
    </rPh>
    <rPh sb="3" eb="4">
      <t>アキ</t>
    </rPh>
    <rPh sb="4" eb="5">
      <t>オス</t>
    </rPh>
    <phoneticPr fontId="1"/>
  </si>
  <si>
    <t>飯塚　裕子</t>
    <rPh sb="0" eb="2">
      <t>イイヅカ</t>
    </rPh>
    <rPh sb="3" eb="5">
      <t>ユウコ</t>
    </rPh>
    <phoneticPr fontId="1"/>
  </si>
  <si>
    <t>保育園アワーキッズ辻堂</t>
    <rPh sb="0" eb="3">
      <t>ホイクエン</t>
    </rPh>
    <rPh sb="9" eb="11">
      <t>ツジドウ</t>
    </rPh>
    <phoneticPr fontId="1"/>
  </si>
  <si>
    <t>大原第二保育園</t>
    <rPh sb="0" eb="2">
      <t>オオハラ</t>
    </rPh>
    <rPh sb="2" eb="4">
      <t>ダイニ</t>
    </rPh>
    <rPh sb="4" eb="7">
      <t>ホイクエン</t>
    </rPh>
    <phoneticPr fontId="1"/>
  </si>
  <si>
    <t>社会福祉法人</t>
    <rPh sb="0" eb="6">
      <t>シャカイフクシホウジン</t>
    </rPh>
    <phoneticPr fontId="1"/>
  </si>
  <si>
    <t>大原福祉会</t>
    <rPh sb="0" eb="2">
      <t>オオハラ</t>
    </rPh>
    <rPh sb="2" eb="4">
      <t>フクシ</t>
    </rPh>
    <rPh sb="4" eb="5">
      <t>カイ</t>
    </rPh>
    <phoneticPr fontId="1"/>
  </si>
  <si>
    <t>萩原　実千代</t>
    <rPh sb="0" eb="2">
      <t>ハギワラ</t>
    </rPh>
    <rPh sb="3" eb="6">
      <t>ミチヨ</t>
    </rPh>
    <phoneticPr fontId="1"/>
  </si>
  <si>
    <t>伊勢原市桜台1-16-15</t>
    <rPh sb="0" eb="4">
      <t>イセハラシ</t>
    </rPh>
    <rPh sb="4" eb="6">
      <t>サクラダイ</t>
    </rPh>
    <phoneticPr fontId="1"/>
  </si>
  <si>
    <t>小川　　美由紀</t>
    <rPh sb="4" eb="7">
      <t>ミユキ</t>
    </rPh>
    <phoneticPr fontId="1"/>
  </si>
  <si>
    <t>大和深見台雲母保育園</t>
    <rPh sb="0" eb="2">
      <t>ヤマト</t>
    </rPh>
    <rPh sb="2" eb="4">
      <t>フカミ</t>
    </rPh>
    <rPh sb="4" eb="5">
      <t>ダイ</t>
    </rPh>
    <rPh sb="5" eb="7">
      <t>キララ</t>
    </rPh>
    <rPh sb="7" eb="10">
      <t>ホイクエン</t>
    </rPh>
    <phoneticPr fontId="1"/>
  </si>
  <si>
    <t>村木　眞弓</t>
    <rPh sb="0" eb="2">
      <t>ムラキ</t>
    </rPh>
    <rPh sb="3" eb="5">
      <t>マユミ</t>
    </rPh>
    <phoneticPr fontId="1"/>
  </si>
  <si>
    <t>242-0013</t>
    <phoneticPr fontId="1"/>
  </si>
  <si>
    <t>とこちゃん保育園</t>
    <rPh sb="5" eb="8">
      <t>ホイクエン</t>
    </rPh>
    <phoneticPr fontId="1"/>
  </si>
  <si>
    <t>Ｂａｌａｎｃｅ</t>
    <phoneticPr fontId="1"/>
  </si>
  <si>
    <t>田畑　直子</t>
    <rPh sb="0" eb="2">
      <t>タバタ</t>
    </rPh>
    <rPh sb="3" eb="5">
      <t>ナオコ</t>
    </rPh>
    <phoneticPr fontId="1"/>
  </si>
  <si>
    <t>242-0016</t>
    <phoneticPr fontId="1"/>
  </si>
  <si>
    <t>大和市大和南一丁目16番25号</t>
    <rPh sb="0" eb="3">
      <t>ヤマトシ</t>
    </rPh>
    <rPh sb="3" eb="6">
      <t>ヤマトミナミ</t>
    </rPh>
    <rPh sb="6" eb="9">
      <t>イッチョウメ</t>
    </rPh>
    <rPh sb="11" eb="12">
      <t>バン</t>
    </rPh>
    <rPh sb="14" eb="15">
      <t>ゴウ</t>
    </rPh>
    <phoneticPr fontId="1"/>
  </si>
  <si>
    <t>つきみ野湘南保育園</t>
    <rPh sb="3" eb="4">
      <t>ノ</t>
    </rPh>
    <rPh sb="4" eb="6">
      <t>ショウナン</t>
    </rPh>
    <rPh sb="6" eb="9">
      <t>ホイクエン</t>
    </rPh>
    <phoneticPr fontId="1"/>
  </si>
  <si>
    <t>佐藤　奈津子</t>
    <rPh sb="3" eb="6">
      <t>ナツコ</t>
    </rPh>
    <phoneticPr fontId="1"/>
  </si>
  <si>
    <t>242-0007</t>
    <phoneticPr fontId="1"/>
  </si>
  <si>
    <t>大和市中央林間九丁目35番37号</t>
    <rPh sb="0" eb="3">
      <t>ヤマトシ</t>
    </rPh>
    <rPh sb="3" eb="7">
      <t>チュウオウリンカン</t>
    </rPh>
    <rPh sb="7" eb="8">
      <t>キュウ</t>
    </rPh>
    <rPh sb="8" eb="10">
      <t>チョウメ</t>
    </rPh>
    <rPh sb="12" eb="13">
      <t>バン</t>
    </rPh>
    <rPh sb="15" eb="16">
      <t>ゴウ</t>
    </rPh>
    <phoneticPr fontId="1"/>
  </si>
  <si>
    <t>まなびの森保育園辻堂</t>
    <rPh sb="4" eb="5">
      <t>モリ</t>
    </rPh>
    <rPh sb="5" eb="8">
      <t>ホイクエン</t>
    </rPh>
    <rPh sb="8" eb="10">
      <t>ツジドウ</t>
    </rPh>
    <phoneticPr fontId="1"/>
  </si>
  <si>
    <t>株式会社</t>
    <rPh sb="0" eb="4">
      <t>カブシキガイシャ</t>
    </rPh>
    <phoneticPr fontId="1"/>
  </si>
  <si>
    <t>こどもの森</t>
    <rPh sb="4" eb="5">
      <t>モリ</t>
    </rPh>
    <phoneticPr fontId="1"/>
  </si>
  <si>
    <t>茅ヶ崎市赤松町5-33</t>
    <rPh sb="0" eb="4">
      <t>チガサキシ</t>
    </rPh>
    <rPh sb="4" eb="7">
      <t>アカマツマチ</t>
    </rPh>
    <phoneticPr fontId="1"/>
  </si>
  <si>
    <t>花水さくら保育園</t>
    <rPh sb="0" eb="2">
      <t>ハナミズ</t>
    </rPh>
    <rPh sb="5" eb="8">
      <t>ホイクエン</t>
    </rPh>
    <phoneticPr fontId="1"/>
  </si>
  <si>
    <t>社会福祉法人</t>
    <rPh sb="0" eb="2">
      <t>シャカイ</t>
    </rPh>
    <rPh sb="2" eb="4">
      <t>フクシ</t>
    </rPh>
    <rPh sb="4" eb="6">
      <t>ホウジン</t>
    </rPh>
    <phoneticPr fontId="1"/>
  </si>
  <si>
    <t>真幸会</t>
    <rPh sb="1" eb="2">
      <t>サチ</t>
    </rPh>
    <rPh sb="2" eb="3">
      <t>カイ</t>
    </rPh>
    <phoneticPr fontId="1"/>
  </si>
  <si>
    <t>府川　和枝</t>
    <rPh sb="0" eb="2">
      <t>フカワ</t>
    </rPh>
    <rPh sb="3" eb="5">
      <t>カズエ</t>
    </rPh>
    <phoneticPr fontId="1"/>
  </si>
  <si>
    <t>上府中保育園　　　</t>
    <rPh sb="0" eb="1">
      <t>カミ</t>
    </rPh>
    <rPh sb="1" eb="3">
      <t>フチュウ</t>
    </rPh>
    <rPh sb="3" eb="6">
      <t>ホ</t>
    </rPh>
    <phoneticPr fontId="1"/>
  </si>
  <si>
    <t>カミヤト凸凹保育園</t>
    <rPh sb="4" eb="6">
      <t>デコボコ</t>
    </rPh>
    <phoneticPr fontId="1"/>
  </si>
  <si>
    <t>愛川舜寿会</t>
  </si>
  <si>
    <t>厚木市上依知字上谷戸425-1</t>
    <phoneticPr fontId="1"/>
  </si>
  <si>
    <t>山口　良子</t>
    <phoneticPr fontId="1"/>
  </si>
  <si>
    <t>90</t>
    <phoneticPr fontId="1"/>
  </si>
  <si>
    <t>ポノ保育園</t>
    <rPh sb="2" eb="5">
      <t>ホイクエン</t>
    </rPh>
    <phoneticPr fontId="1"/>
  </si>
  <si>
    <t>株式会社</t>
    <rPh sb="0" eb="4">
      <t>カブシキガイシャ</t>
    </rPh>
    <phoneticPr fontId="1"/>
  </si>
  <si>
    <t>Ｅｄｕｌｅａｄ</t>
    <phoneticPr fontId="1"/>
  </si>
  <si>
    <t>厚木市田村町1284-1,1283-1,1282-11,12,13</t>
    <phoneticPr fontId="1"/>
  </si>
  <si>
    <t>太田　幸</t>
    <phoneticPr fontId="1"/>
  </si>
  <si>
    <t>66</t>
    <phoneticPr fontId="1"/>
  </si>
  <si>
    <t>S32.5.1
(H31.4.1)</t>
    <phoneticPr fontId="1"/>
  </si>
  <si>
    <t>0463-80-6210</t>
    <phoneticPr fontId="1"/>
  </si>
  <si>
    <t>259-1132</t>
    <phoneticPr fontId="1"/>
  </si>
  <si>
    <t>平塚市花水台10-20
(H31.7月末まで虹ケ浜20-32）</t>
    <rPh sb="0" eb="3">
      <t>ヒラツカシ</t>
    </rPh>
    <rPh sb="3" eb="6">
      <t>ハナミズダイ</t>
    </rPh>
    <rPh sb="18" eb="19">
      <t>ガツ</t>
    </rPh>
    <rPh sb="19" eb="20">
      <t>マツ</t>
    </rPh>
    <rPh sb="22" eb="25">
      <t>ニジガハマ</t>
    </rPh>
    <phoneticPr fontId="1"/>
  </si>
  <si>
    <t>0463-31-7120</t>
    <phoneticPr fontId="1"/>
  </si>
  <si>
    <t>佐助保育園</t>
    <rPh sb="0" eb="5">
      <t>サスケホイクエン</t>
    </rPh>
    <phoneticPr fontId="1"/>
  </si>
  <si>
    <t>鎌倉市佐助１丁目13番６号</t>
  </si>
  <si>
    <t>押田　壮介</t>
  </si>
  <si>
    <t>248-0017</t>
    <phoneticPr fontId="1"/>
  </si>
  <si>
    <t>しんめい　はじめ保育園</t>
  </si>
  <si>
    <t>藤沢市鵠沼神明１-４-21　ＮＴＴコム湘南藤沢ビル１Ｆ</t>
  </si>
  <si>
    <t>大津　智子</t>
    <phoneticPr fontId="1"/>
  </si>
  <si>
    <t>251-0021</t>
    <phoneticPr fontId="1"/>
  </si>
  <si>
    <t>ニチイキッズ湘南鵠沼保育園</t>
    <rPh sb="6" eb="10">
      <t>ショウナンクゲヌマ</t>
    </rPh>
    <rPh sb="10" eb="13">
      <t>ホイクエン</t>
    </rPh>
    <phoneticPr fontId="1"/>
  </si>
  <si>
    <t>株式会社</t>
    <rPh sb="0" eb="4">
      <t>カブシキガイシャ</t>
    </rPh>
    <phoneticPr fontId="1"/>
  </si>
  <si>
    <t>ニチイ学館</t>
    <rPh sb="3" eb="5">
      <t>ガッカン</t>
    </rPh>
    <phoneticPr fontId="1"/>
  </si>
  <si>
    <t>藤沢市本鵠沼３丁目12-33　ベルプラザ１階</t>
  </si>
  <si>
    <t>佐藤　香織</t>
  </si>
  <si>
    <t>251-0052</t>
    <phoneticPr fontId="1"/>
  </si>
  <si>
    <t>湘南台よつば保育園プラス</t>
    <rPh sb="0" eb="3">
      <t>ショウナンダイ</t>
    </rPh>
    <rPh sb="6" eb="9">
      <t>ホイクエン</t>
    </rPh>
    <phoneticPr fontId="1"/>
  </si>
  <si>
    <t>藤沢市湘南台１-１-１　湘南台ダイヤモンドマンション２階</t>
  </si>
  <si>
    <t>ストーブカンパニー</t>
    <phoneticPr fontId="1"/>
  </si>
  <si>
    <t>新里　沙織</t>
  </si>
  <si>
    <t>252-0804</t>
    <phoneticPr fontId="1"/>
  </si>
  <si>
    <t>翼咲保育園</t>
    <rPh sb="0" eb="1">
      <t>ツバサ</t>
    </rPh>
    <rPh sb="1" eb="2">
      <t>サ</t>
    </rPh>
    <rPh sb="2" eb="5">
      <t>ホイクエン</t>
    </rPh>
    <phoneticPr fontId="1"/>
  </si>
  <si>
    <t>県央いずみ会</t>
    <rPh sb="5" eb="6">
      <t>カイ</t>
    </rPh>
    <phoneticPr fontId="1"/>
  </si>
  <si>
    <t>厚木市妻田南１丁目2165番１</t>
  </si>
  <si>
    <t>120</t>
    <phoneticPr fontId="1"/>
  </si>
  <si>
    <t>山口　恭宜</t>
  </si>
  <si>
    <t>243-0814</t>
    <phoneticPr fontId="1"/>
  </si>
  <si>
    <t>90</t>
    <phoneticPr fontId="1"/>
  </si>
  <si>
    <t>五十嵐美弥子</t>
    <rPh sb="0" eb="3">
      <t>イガラシ</t>
    </rPh>
    <rPh sb="3" eb="6">
      <t>ミヤコ</t>
    </rPh>
    <phoneticPr fontId="1"/>
  </si>
  <si>
    <t>046-240-7185</t>
    <phoneticPr fontId="1"/>
  </si>
  <si>
    <t>046-240-7186</t>
    <phoneticPr fontId="1"/>
  </si>
  <si>
    <t>046-244-3638</t>
    <phoneticPr fontId="1"/>
  </si>
  <si>
    <t>046-244-3738</t>
    <phoneticPr fontId="1"/>
  </si>
  <si>
    <t>大和市深見台一丁目７－２</t>
    <rPh sb="0" eb="3">
      <t>ヤマトシ</t>
    </rPh>
    <rPh sb="3" eb="5">
      <t>フカミ</t>
    </rPh>
    <rPh sb="5" eb="6">
      <t>ダイ</t>
    </rPh>
    <rPh sb="6" eb="9">
      <t>イッチョウメ</t>
    </rPh>
    <phoneticPr fontId="1"/>
  </si>
  <si>
    <t>046-200-5935</t>
    <phoneticPr fontId="1"/>
  </si>
  <si>
    <t>046-200-5936</t>
    <phoneticPr fontId="1"/>
  </si>
  <si>
    <t>大和市中央林間4-16-18</t>
    <rPh sb="0" eb="3">
      <t>ヤマトシ</t>
    </rPh>
    <rPh sb="3" eb="7">
      <t>チュウオウリンカン</t>
    </rPh>
    <phoneticPr fontId="1"/>
  </si>
  <si>
    <t>046-268-3911</t>
    <phoneticPr fontId="1"/>
  </si>
  <si>
    <t>ひまわり愛児園</t>
    <phoneticPr fontId="1"/>
  </si>
  <si>
    <t>254-0824</t>
    <phoneticPr fontId="1"/>
  </si>
  <si>
    <r>
      <t xml:space="preserve">254-0824
</t>
    </r>
    <r>
      <rPr>
        <sz val="9"/>
        <rFont val="ＭＳ Ｐ明朝"/>
        <family val="1"/>
        <charset val="128"/>
      </rPr>
      <t>（254-0823）</t>
    </r>
    <phoneticPr fontId="1"/>
  </si>
  <si>
    <t>253-0013</t>
    <phoneticPr fontId="1"/>
  </si>
  <si>
    <t>243-0801</t>
    <phoneticPr fontId="1"/>
  </si>
  <si>
    <t>243-0016</t>
    <phoneticPr fontId="1"/>
  </si>
  <si>
    <t>252-0011</t>
    <phoneticPr fontId="1"/>
  </si>
  <si>
    <t>252-0015</t>
    <phoneticPr fontId="1"/>
  </si>
  <si>
    <t>243-00１４</t>
    <phoneticPr fontId="1"/>
  </si>
  <si>
    <t>243-0018</t>
    <phoneticPr fontId="1"/>
  </si>
  <si>
    <t>248-0012</t>
    <phoneticPr fontId="1"/>
  </si>
  <si>
    <t>中村　美津子</t>
    <rPh sb="3" eb="6">
      <t>ミツコ</t>
    </rPh>
    <phoneticPr fontId="1"/>
  </si>
  <si>
    <t>武市　多恵子</t>
    <rPh sb="0" eb="2">
      <t>タケイチ</t>
    </rPh>
    <rPh sb="3" eb="6">
      <t>タエコ</t>
    </rPh>
    <phoneticPr fontId="1"/>
  </si>
  <si>
    <t>石井　美江</t>
    <rPh sb="0" eb="2">
      <t>イシイ</t>
    </rPh>
    <rPh sb="3" eb="4">
      <t>ビ</t>
    </rPh>
    <rPh sb="4" eb="5">
      <t>エ</t>
    </rPh>
    <phoneticPr fontId="1"/>
  </si>
  <si>
    <t>生見　恭子</t>
    <rPh sb="0" eb="1">
      <t>ナマ</t>
    </rPh>
    <rPh sb="1" eb="2">
      <t>ミ</t>
    </rPh>
    <rPh sb="3" eb="5">
      <t>キョウコ</t>
    </rPh>
    <phoneticPr fontId="1"/>
  </si>
  <si>
    <t>川澄　尚子</t>
    <rPh sb="0" eb="2">
      <t>カワスミ</t>
    </rPh>
    <rPh sb="3" eb="5">
      <t>ナオコ</t>
    </rPh>
    <phoneticPr fontId="1"/>
  </si>
  <si>
    <t>勝間田　栄里子</t>
    <rPh sb="0" eb="3">
      <t>カツマタ</t>
    </rPh>
    <rPh sb="4" eb="5">
      <t>エイ</t>
    </rPh>
    <rPh sb="5" eb="6">
      <t>リ</t>
    </rPh>
    <rPh sb="6" eb="7">
      <t>コ</t>
    </rPh>
    <phoneticPr fontId="1"/>
  </si>
  <si>
    <t>小山　市子</t>
    <rPh sb="0" eb="2">
      <t>コヤマ</t>
    </rPh>
    <rPh sb="3" eb="4">
      <t>イチ</t>
    </rPh>
    <rPh sb="4" eb="5">
      <t>コ</t>
    </rPh>
    <phoneticPr fontId="1"/>
  </si>
  <si>
    <t>曽根　美恵子</t>
    <rPh sb="0" eb="2">
      <t>ソネ</t>
    </rPh>
    <rPh sb="3" eb="6">
      <t>ミエコ</t>
    </rPh>
    <phoneticPr fontId="1"/>
  </si>
  <si>
    <t>グリーンキッズ湘南村岡</t>
    <rPh sb="7" eb="9">
      <t>ショウナン</t>
    </rPh>
    <rPh sb="9" eb="11">
      <t>ムラオカ</t>
    </rPh>
    <phoneticPr fontId="1"/>
  </si>
  <si>
    <t>さくらうみ保育園本園</t>
    <rPh sb="5" eb="8">
      <t>ホイクエン</t>
    </rPh>
    <rPh sb="8" eb="9">
      <t>ホン</t>
    </rPh>
    <rPh sb="9" eb="10">
      <t>エン</t>
    </rPh>
    <phoneticPr fontId="1"/>
  </si>
  <si>
    <t>満田　梨乃</t>
    <rPh sb="0" eb="2">
      <t>ミツタ</t>
    </rPh>
    <rPh sb="3" eb="5">
      <t>リノ</t>
    </rPh>
    <phoneticPr fontId="1"/>
  </si>
  <si>
    <t>藤沢市渡内３丁目8-67</t>
    <rPh sb="0" eb="2">
      <t>フジサワ</t>
    </rPh>
    <rPh sb="2" eb="3">
      <t>シ</t>
    </rPh>
    <rPh sb="3" eb="4">
      <t>ワタ</t>
    </rPh>
    <rPh sb="4" eb="5">
      <t>ナイ</t>
    </rPh>
    <rPh sb="6" eb="8">
      <t>チョウメ</t>
    </rPh>
    <phoneticPr fontId="1"/>
  </si>
  <si>
    <t>さくらうみ</t>
    <phoneticPr fontId="1"/>
  </si>
  <si>
    <t>増渕　恵子</t>
    <rPh sb="0" eb="2">
      <t>マスブチ</t>
    </rPh>
    <rPh sb="3" eb="5">
      <t>ケイコ</t>
    </rPh>
    <phoneticPr fontId="1"/>
  </si>
  <si>
    <t>藤沢市川名256-13</t>
    <rPh sb="0" eb="3">
      <t>フジサワシ</t>
    </rPh>
    <rPh sb="3" eb="5">
      <t>カワナ</t>
    </rPh>
    <phoneticPr fontId="1"/>
  </si>
  <si>
    <t>251-0011</t>
    <phoneticPr fontId="1"/>
  </si>
  <si>
    <t>251-0015</t>
    <phoneticPr fontId="1"/>
  </si>
  <si>
    <t>0466-90-5858</t>
    <phoneticPr fontId="1"/>
  </si>
  <si>
    <t>0466-52-8331</t>
    <phoneticPr fontId="1"/>
  </si>
  <si>
    <t>0466-90-5959</t>
    <phoneticPr fontId="1"/>
  </si>
  <si>
    <t>0466-21-8041</t>
    <phoneticPr fontId="1"/>
  </si>
  <si>
    <t>茅ヶ崎ゆめいろ保育園分園</t>
    <rPh sb="0" eb="3">
      <t>チガサキ</t>
    </rPh>
    <rPh sb="7" eb="10">
      <t>ホイクエン</t>
    </rPh>
    <rPh sb="10" eb="12">
      <t>ブンエン</t>
    </rPh>
    <phoneticPr fontId="1"/>
  </si>
  <si>
    <t>茅ヶ崎市幸町5-8</t>
    <rPh sb="0" eb="4">
      <t>チガサキシ</t>
    </rPh>
    <rPh sb="4" eb="5">
      <t>サチ</t>
    </rPh>
    <rPh sb="5" eb="6">
      <t>マチ</t>
    </rPh>
    <phoneticPr fontId="1"/>
  </si>
  <si>
    <t>小林　昌昭</t>
    <rPh sb="0" eb="2">
      <t>コバヤシ</t>
    </rPh>
    <rPh sb="3" eb="5">
      <t>マサアキ</t>
    </rPh>
    <phoneticPr fontId="1"/>
  </si>
  <si>
    <t>冨士川　恵美子</t>
    <rPh sb="0" eb="3">
      <t>フジカワ</t>
    </rPh>
    <rPh sb="4" eb="7">
      <t>エミコ</t>
    </rPh>
    <phoneticPr fontId="1"/>
  </si>
  <si>
    <t>池田　　直美</t>
    <rPh sb="0" eb="2">
      <t>イケダ</t>
    </rPh>
    <rPh sb="4" eb="6">
      <t>ナオミ</t>
    </rPh>
    <phoneticPr fontId="1"/>
  </si>
  <si>
    <t>渡邊　千幸</t>
    <rPh sb="3" eb="5">
      <t>チサチ</t>
    </rPh>
    <phoneticPr fontId="1"/>
  </si>
  <si>
    <t>柏原　多津恵</t>
    <rPh sb="0" eb="2">
      <t>カシワラ</t>
    </rPh>
    <rPh sb="3" eb="6">
      <t>タヅエ</t>
    </rPh>
    <phoneticPr fontId="1"/>
  </si>
  <si>
    <t>奥村　絵理</t>
    <rPh sb="0" eb="2">
      <t>オクムラ</t>
    </rPh>
    <rPh sb="3" eb="4">
      <t>エ</t>
    </rPh>
    <rPh sb="4" eb="5">
      <t>リ</t>
    </rPh>
    <phoneticPr fontId="1"/>
  </si>
  <si>
    <t>櫻井　慶一郎</t>
    <rPh sb="0" eb="2">
      <t>サクライ</t>
    </rPh>
    <rPh sb="3" eb="6">
      <t>ケイイチロウ</t>
    </rPh>
    <phoneticPr fontId="1"/>
  </si>
  <si>
    <t>吉田　真弓</t>
    <rPh sb="3" eb="5">
      <t>マユミ</t>
    </rPh>
    <phoneticPr fontId="1"/>
  </si>
  <si>
    <t>加藤　清美</t>
    <rPh sb="0" eb="2">
      <t>カトウ</t>
    </rPh>
    <rPh sb="3" eb="5">
      <t>キヨミ</t>
    </rPh>
    <phoneticPr fontId="1"/>
  </si>
  <si>
    <t>佐藤　ひかる</t>
    <rPh sb="0" eb="2">
      <t>サトウ</t>
    </rPh>
    <phoneticPr fontId="1"/>
  </si>
  <si>
    <t>三富　佳代</t>
    <rPh sb="0" eb="2">
      <t>ミトミ</t>
    </rPh>
    <rPh sb="3" eb="5">
      <t>カヨ</t>
    </rPh>
    <phoneticPr fontId="1"/>
  </si>
  <si>
    <t>渡邉　智香子</t>
    <rPh sb="0" eb="2">
      <t>ワタナベ</t>
    </rPh>
    <rPh sb="3" eb="6">
      <t>チカコ</t>
    </rPh>
    <phoneticPr fontId="1"/>
  </si>
  <si>
    <t>五十嵐　さつき</t>
    <rPh sb="0" eb="3">
      <t>イガラシ</t>
    </rPh>
    <phoneticPr fontId="1"/>
  </si>
  <si>
    <t>竹之内　幸恵</t>
    <rPh sb="0" eb="3">
      <t>タケノウチ</t>
    </rPh>
    <rPh sb="4" eb="6">
      <t>ユキエ</t>
    </rPh>
    <phoneticPr fontId="1"/>
  </si>
  <si>
    <t>松林こころえん</t>
    <phoneticPr fontId="1"/>
  </si>
  <si>
    <t>海老沢　由美子</t>
    <rPh sb="0" eb="3">
      <t>エビサワ</t>
    </rPh>
    <rPh sb="4" eb="7">
      <t>ユミコ</t>
    </rPh>
    <phoneticPr fontId="1"/>
  </si>
  <si>
    <t>森　小百合</t>
    <rPh sb="2" eb="5">
      <t>サユリ</t>
    </rPh>
    <phoneticPr fontId="1"/>
  </si>
  <si>
    <t>荻原　和子</t>
    <rPh sb="0" eb="2">
      <t>オギワラ</t>
    </rPh>
    <rPh sb="3" eb="5">
      <t>カズコ</t>
    </rPh>
    <phoneticPr fontId="1"/>
  </si>
  <si>
    <t>田澤　嘉寿恵</t>
    <rPh sb="0" eb="2">
      <t>タザワ</t>
    </rPh>
    <rPh sb="3" eb="4">
      <t>カ</t>
    </rPh>
    <rPh sb="4" eb="5">
      <t>ヒサシ</t>
    </rPh>
    <rPh sb="5" eb="6">
      <t>メグミ</t>
    </rPh>
    <phoneticPr fontId="1"/>
  </si>
  <si>
    <t>齋藤　留奈</t>
    <rPh sb="0" eb="2">
      <t>サイトウ</t>
    </rPh>
    <rPh sb="3" eb="4">
      <t>ル</t>
    </rPh>
    <rPh sb="4" eb="5">
      <t>ナ</t>
    </rPh>
    <phoneticPr fontId="1"/>
  </si>
  <si>
    <t>森　正伸</t>
    <rPh sb="0" eb="1">
      <t>モリ</t>
    </rPh>
    <rPh sb="2" eb="4">
      <t>マサノブ</t>
    </rPh>
    <phoneticPr fontId="1"/>
  </si>
  <si>
    <t>高緑　早苗</t>
    <rPh sb="0" eb="2">
      <t>タカミドリ</t>
    </rPh>
    <rPh sb="3" eb="5">
      <t>サナエ</t>
    </rPh>
    <phoneticPr fontId="1"/>
  </si>
  <si>
    <t>篠原　慈江</t>
    <rPh sb="0" eb="2">
      <t>シノハラ</t>
    </rPh>
    <rPh sb="3" eb="4">
      <t>ジ</t>
    </rPh>
    <rPh sb="4" eb="5">
      <t>エ</t>
    </rPh>
    <phoneticPr fontId="1"/>
  </si>
  <si>
    <t>藤村　和子</t>
    <rPh sb="0" eb="2">
      <t>フジムラ</t>
    </rPh>
    <rPh sb="3" eb="5">
      <t>カズコ</t>
    </rPh>
    <phoneticPr fontId="1"/>
  </si>
  <si>
    <t>相馬　美穂</t>
    <rPh sb="0" eb="2">
      <t>ソウマ</t>
    </rPh>
    <rPh sb="3" eb="5">
      <t>ミホ</t>
    </rPh>
    <phoneticPr fontId="1"/>
  </si>
  <si>
    <t>齊藤　由起子</t>
    <rPh sb="0" eb="2">
      <t>サイトウ</t>
    </rPh>
    <rPh sb="3" eb="6">
      <t>ユキコ</t>
    </rPh>
    <phoneticPr fontId="1"/>
  </si>
  <si>
    <t>芝　園枝</t>
    <rPh sb="0" eb="1">
      <t>シバ</t>
    </rPh>
    <rPh sb="2" eb="4">
      <t>ソノエ</t>
    </rPh>
    <phoneticPr fontId="1"/>
  </si>
  <si>
    <t>西脇　あやこ</t>
    <rPh sb="0" eb="2">
      <t>ニシワキ</t>
    </rPh>
    <phoneticPr fontId="1"/>
  </si>
  <si>
    <t>山本　桂子</t>
    <rPh sb="0" eb="2">
      <t>ヤマモト</t>
    </rPh>
    <rPh sb="3" eb="5">
      <t>ケイコ</t>
    </rPh>
    <phoneticPr fontId="1"/>
  </si>
  <si>
    <t>上田　理恵</t>
    <rPh sb="0" eb="1">
      <t>ウエ</t>
    </rPh>
    <rPh sb="1" eb="2">
      <t>タ</t>
    </rPh>
    <rPh sb="3" eb="5">
      <t>リエ</t>
    </rPh>
    <phoneticPr fontId="1"/>
  </si>
  <si>
    <t>安藤　淳子</t>
    <rPh sb="0" eb="2">
      <t>アンドウ</t>
    </rPh>
    <rPh sb="3" eb="5">
      <t>ジュンコ</t>
    </rPh>
    <phoneticPr fontId="1"/>
  </si>
  <si>
    <t>多胡　真由美</t>
    <rPh sb="0" eb="1">
      <t>タ</t>
    </rPh>
    <rPh sb="1" eb="2">
      <t>コ</t>
    </rPh>
    <rPh sb="3" eb="6">
      <t>マユミ</t>
    </rPh>
    <phoneticPr fontId="1"/>
  </si>
  <si>
    <t>鈴島　由香里</t>
    <rPh sb="0" eb="2">
      <t>スズシマ</t>
    </rPh>
    <rPh sb="3" eb="6">
      <t>ユカリ</t>
    </rPh>
    <phoneticPr fontId="1"/>
  </si>
  <si>
    <t>松田　節子</t>
    <rPh sb="0" eb="2">
      <t>マツダ</t>
    </rPh>
    <rPh sb="3" eb="5">
      <t>セツコ</t>
    </rPh>
    <phoneticPr fontId="1"/>
  </si>
  <si>
    <t>井上　友美</t>
    <rPh sb="0" eb="2">
      <t>イノウエ</t>
    </rPh>
    <rPh sb="3" eb="5">
      <t>トモミ</t>
    </rPh>
    <phoneticPr fontId="1"/>
  </si>
  <si>
    <t>伊井　之博</t>
    <rPh sb="0" eb="2">
      <t>イイ</t>
    </rPh>
    <rPh sb="3" eb="4">
      <t>ノリ</t>
    </rPh>
    <rPh sb="4" eb="5">
      <t>ヒロ</t>
    </rPh>
    <phoneticPr fontId="1"/>
  </si>
  <si>
    <t>髙橋　清美</t>
    <rPh sb="0" eb="2">
      <t>タカハシ</t>
    </rPh>
    <rPh sb="3" eb="5">
      <t>キヨミ</t>
    </rPh>
    <phoneticPr fontId="1"/>
  </si>
  <si>
    <t>水島　利正</t>
    <rPh sb="0" eb="2">
      <t>ミズシマ</t>
    </rPh>
    <rPh sb="3" eb="4">
      <t>トシ</t>
    </rPh>
    <rPh sb="4" eb="5">
      <t>マサ</t>
    </rPh>
    <phoneticPr fontId="1"/>
  </si>
  <si>
    <t>鈴木　みさを</t>
    <rPh sb="0" eb="2">
      <t>スズキ</t>
    </rPh>
    <phoneticPr fontId="1"/>
  </si>
  <si>
    <t>宮澤　順子</t>
    <rPh sb="0" eb="2">
      <t>ミヤザワ</t>
    </rPh>
    <rPh sb="3" eb="5">
      <t>ジュンコ</t>
    </rPh>
    <phoneticPr fontId="1"/>
  </si>
  <si>
    <t>さくらの森保育園分園</t>
    <rPh sb="8" eb="9">
      <t>ブン</t>
    </rPh>
    <rPh sb="9" eb="10">
      <t>エン</t>
    </rPh>
    <phoneticPr fontId="1"/>
  </si>
  <si>
    <t>大和市桜森3－4－13桜森スクエアⅢ</t>
  </si>
  <si>
    <t>山梨　鈴代</t>
    <rPh sb="0" eb="2">
      <t>ヤマナシ</t>
    </rPh>
    <rPh sb="3" eb="4">
      <t>スズ</t>
    </rPh>
    <rPh sb="4" eb="5">
      <t>ヨ</t>
    </rPh>
    <phoneticPr fontId="1"/>
  </si>
  <si>
    <t>厚木市中町3-2-6・3階</t>
    <rPh sb="3" eb="5">
      <t>ナカマチ</t>
    </rPh>
    <rPh sb="12" eb="13">
      <t>カイ</t>
    </rPh>
    <phoneticPr fontId="1"/>
  </si>
  <si>
    <t>海老名市本郷字中津谷2693</t>
    <rPh sb="0" eb="4">
      <t>エビナシ</t>
    </rPh>
    <rPh sb="4" eb="6">
      <t>ホンゴウ</t>
    </rPh>
    <rPh sb="6" eb="7">
      <t>アザ</t>
    </rPh>
    <rPh sb="7" eb="9">
      <t>ナカツ</t>
    </rPh>
    <rPh sb="9" eb="10">
      <t>タニ</t>
    </rPh>
    <phoneticPr fontId="1"/>
  </si>
  <si>
    <t>(42)</t>
    <phoneticPr fontId="1"/>
  </si>
  <si>
    <t>(10)</t>
    <phoneticPr fontId="1"/>
  </si>
  <si>
    <t>平　塚　市</t>
    <rPh sb="0" eb="1">
      <t>ヒラ</t>
    </rPh>
    <rPh sb="2" eb="3">
      <t>ツカ</t>
    </rPh>
    <rPh sb="4" eb="5">
      <t>シ</t>
    </rPh>
    <phoneticPr fontId="1"/>
  </si>
  <si>
    <t>(60)</t>
    <phoneticPr fontId="1"/>
  </si>
  <si>
    <t>(75)</t>
    <phoneticPr fontId="1"/>
  </si>
  <si>
    <t>(60)</t>
    <phoneticPr fontId="1"/>
  </si>
  <si>
    <t>(20)</t>
    <phoneticPr fontId="1"/>
  </si>
  <si>
    <t>(30)</t>
    <phoneticPr fontId="1"/>
  </si>
  <si>
    <t>(46)</t>
    <phoneticPr fontId="1"/>
  </si>
  <si>
    <t>(12)</t>
    <phoneticPr fontId="1"/>
  </si>
  <si>
    <t>(31)</t>
    <phoneticPr fontId="1"/>
  </si>
  <si>
    <t>(35)</t>
    <phoneticPr fontId="1"/>
  </si>
  <si>
    <t>(75)</t>
    <phoneticPr fontId="1"/>
  </si>
  <si>
    <t>(36)</t>
    <phoneticPr fontId="1"/>
  </si>
  <si>
    <t>福田　幸子</t>
    <rPh sb="0" eb="2">
      <t>フクダ</t>
    </rPh>
    <rPh sb="3" eb="5">
      <t>サチ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7" formatCode="[$-411]ge\.m\.d;@"/>
  </numFmts>
  <fonts count="11">
    <font>
      <sz val="1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2"/>
      <name val="ＭＳ 明朝"/>
      <family val="1"/>
      <charset val="128"/>
    </font>
    <font>
      <sz val="8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9"/>
      <name val="ＭＳ Ｐ明朝"/>
      <family val="1"/>
      <charset val="128"/>
    </font>
    <font>
      <sz val="10.5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187">
    <xf numFmtId="0" fontId="0" fillId="0" borderId="0" xfId="0"/>
    <xf numFmtId="0" fontId="3" fillId="2" borderId="6" xfId="0" applyFont="1" applyFill="1" applyBorder="1" applyAlignment="1">
      <alignment horizontal="distributed" vertical="center"/>
    </xf>
    <xf numFmtId="0" fontId="3" fillId="2" borderId="21" xfId="0" applyFont="1" applyFill="1" applyBorder="1" applyAlignment="1">
      <alignment horizontal="left" vertical="center" wrapText="1"/>
    </xf>
    <xf numFmtId="0" fontId="3" fillId="2" borderId="25" xfId="0" applyFont="1" applyFill="1" applyBorder="1" applyAlignment="1">
      <alignment horizontal="center" vertical="center" wrapText="1"/>
    </xf>
    <xf numFmtId="57" fontId="3" fillId="2" borderId="6" xfId="0" applyNumberFormat="1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distributed" vertical="center" shrinkToFit="1"/>
    </xf>
    <xf numFmtId="0" fontId="3" fillId="2" borderId="6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left" vertical="center" shrinkToFit="1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Alignment="1"/>
    <xf numFmtId="0" fontId="3" fillId="2" borderId="0" xfId="0" applyFont="1" applyFill="1" applyAlignment="1">
      <alignment wrapText="1"/>
    </xf>
    <xf numFmtId="0" fontId="3" fillId="2" borderId="0" xfId="0" applyFont="1" applyFill="1" applyBorder="1" applyAlignment="1">
      <alignment horizontal="center" wrapText="1"/>
    </xf>
    <xf numFmtId="177" fontId="3" fillId="2" borderId="0" xfId="0" applyNumberFormat="1" applyFont="1" applyFill="1" applyAlignment="1">
      <alignment horizontal="center"/>
    </xf>
    <xf numFmtId="0" fontId="3" fillId="2" borderId="0" xfId="0" applyFont="1" applyFill="1" applyAlignment="1">
      <alignment shrinkToFit="1"/>
    </xf>
    <xf numFmtId="0" fontId="3" fillId="2" borderId="0" xfId="0" applyFont="1" applyFill="1" applyAlignment="1">
      <alignment horizontal="center"/>
    </xf>
    <xf numFmtId="0" fontId="3" fillId="2" borderId="8" xfId="0" applyFont="1" applyFill="1" applyBorder="1" applyAlignment="1">
      <alignment horizontal="distributed" vertical="center"/>
    </xf>
    <xf numFmtId="0" fontId="3" fillId="2" borderId="23" xfId="0" applyFont="1" applyFill="1" applyBorder="1" applyAlignment="1">
      <alignment horizontal="left" vertical="center" wrapText="1"/>
    </xf>
    <xf numFmtId="0" fontId="3" fillId="2" borderId="17" xfId="0" applyFont="1" applyFill="1" applyBorder="1" applyAlignment="1">
      <alignment horizontal="center" vertical="center" wrapText="1"/>
    </xf>
    <xf numFmtId="57" fontId="3" fillId="2" borderId="8" xfId="0" applyNumberFormat="1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distributed" vertical="center" shrinkToFit="1"/>
    </xf>
    <xf numFmtId="0" fontId="3" fillId="2" borderId="8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left" vertical="center" shrinkToFit="1"/>
    </xf>
    <xf numFmtId="0" fontId="3" fillId="2" borderId="5" xfId="0" applyFont="1" applyFill="1" applyBorder="1" applyAlignment="1">
      <alignment horizontal="left" vertical="center"/>
    </xf>
    <xf numFmtId="0" fontId="3" fillId="2" borderId="5" xfId="0" applyFont="1" applyFill="1" applyBorder="1" applyAlignment="1">
      <alignment horizontal="distributed" vertical="center"/>
    </xf>
    <xf numFmtId="0" fontId="3" fillId="2" borderId="5" xfId="0" applyFont="1" applyFill="1" applyBorder="1" applyAlignment="1">
      <alignment horizontal="center" vertical="center" shrinkToFit="1"/>
    </xf>
    <xf numFmtId="57" fontId="3" fillId="2" borderId="5" xfId="0" applyNumberFormat="1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distributed" vertical="center" shrinkToFit="1"/>
    </xf>
    <xf numFmtId="0" fontId="3" fillId="2" borderId="5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left" vertical="center" shrinkToFi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0" xfId="0" applyFont="1" applyFill="1" applyAlignment="1">
      <alignment horizontal="distributed" vertical="center" shrinkToFit="1"/>
    </xf>
    <xf numFmtId="0" fontId="3" fillId="2" borderId="0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distributed" vertical="center"/>
    </xf>
    <xf numFmtId="0" fontId="3" fillId="2" borderId="26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shrinkToFit="1"/>
    </xf>
    <xf numFmtId="0" fontId="3" fillId="2" borderId="7" xfId="0" applyFont="1" applyFill="1" applyBorder="1" applyAlignment="1">
      <alignment horizontal="left" vertical="center" wrapText="1"/>
    </xf>
    <xf numFmtId="57" fontId="3" fillId="2" borderId="7" xfId="0" applyNumberFormat="1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distributed" vertical="center" shrinkToFit="1"/>
    </xf>
    <xf numFmtId="0" fontId="3" fillId="2" borderId="7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left" vertical="center" shrinkToFit="1"/>
    </xf>
    <xf numFmtId="0" fontId="3" fillId="2" borderId="7" xfId="0" applyFont="1" applyFill="1" applyBorder="1" applyAlignment="1">
      <alignment horizontal="center" vertical="center" wrapText="1"/>
    </xf>
    <xf numFmtId="49" fontId="3" fillId="2" borderId="5" xfId="0" applyNumberFormat="1" applyFont="1" applyFill="1" applyBorder="1" applyAlignment="1">
      <alignment horizontal="center" vertical="center"/>
    </xf>
    <xf numFmtId="0" fontId="3" fillId="2" borderId="0" xfId="0" applyFont="1" applyFill="1" applyAlignment="1">
      <alignment horizontal="left" vertical="center" wrapText="1"/>
    </xf>
    <xf numFmtId="0" fontId="3" fillId="2" borderId="10" xfId="0" applyFont="1" applyFill="1" applyBorder="1" applyAlignment="1">
      <alignment horizontal="center" vertical="center"/>
    </xf>
    <xf numFmtId="0" fontId="3" fillId="2" borderId="5" xfId="0" applyNumberFormat="1" applyFont="1" applyFill="1" applyBorder="1" applyAlignment="1">
      <alignment horizontal="center" vertical="center"/>
    </xf>
    <xf numFmtId="0" fontId="3" fillId="2" borderId="6" xfId="0" applyNumberFormat="1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left" vertical="center"/>
    </xf>
    <xf numFmtId="0" fontId="3" fillId="2" borderId="10" xfId="0" applyFont="1" applyFill="1" applyBorder="1" applyAlignment="1">
      <alignment horizontal="distributed" vertical="center"/>
    </xf>
    <xf numFmtId="0" fontId="3" fillId="2" borderId="14" xfId="0" applyFont="1" applyFill="1" applyBorder="1" applyAlignment="1">
      <alignment horizontal="left" vertical="center" shrinkToFit="1"/>
    </xf>
    <xf numFmtId="0" fontId="3" fillId="2" borderId="18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left" vertical="center" wrapText="1"/>
    </xf>
    <xf numFmtId="57" fontId="3" fillId="2" borderId="10" xfId="0" applyNumberFormat="1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distributed" vertical="center" shrinkToFit="1"/>
    </xf>
    <xf numFmtId="0" fontId="3" fillId="2" borderId="10" xfId="0" applyFont="1" applyFill="1" applyBorder="1" applyAlignment="1">
      <alignment horizontal="left" vertical="center" shrinkToFit="1"/>
    </xf>
    <xf numFmtId="0" fontId="3" fillId="2" borderId="10" xfId="0" applyNumberFormat="1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distributed" vertical="center"/>
    </xf>
    <xf numFmtId="0" fontId="3" fillId="2" borderId="16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 shrinkToFit="1"/>
    </xf>
    <xf numFmtId="0" fontId="3" fillId="2" borderId="9" xfId="0" applyFont="1" applyFill="1" applyBorder="1" applyAlignment="1">
      <alignment horizontal="left" vertical="center" wrapText="1"/>
    </xf>
    <xf numFmtId="57" fontId="3" fillId="2" borderId="9" xfId="0" applyNumberFormat="1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distributed" vertical="center" shrinkToFit="1"/>
    </xf>
    <xf numFmtId="0" fontId="3" fillId="2" borderId="9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left" vertical="center" shrinkToFit="1"/>
    </xf>
    <xf numFmtId="0" fontId="3" fillId="2" borderId="14" xfId="0" applyFont="1" applyFill="1" applyBorder="1" applyAlignment="1">
      <alignment horizontal="left" vertical="center" wrapText="1"/>
    </xf>
    <xf numFmtId="0" fontId="3" fillId="2" borderId="24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left" vertical="center" wrapText="1" shrinkToFit="1"/>
    </xf>
    <xf numFmtId="177" fontId="3" fillId="2" borderId="5" xfId="0" applyNumberFormat="1" applyFont="1" applyFill="1" applyBorder="1" applyAlignment="1">
      <alignment horizontal="center" vertical="center"/>
    </xf>
    <xf numFmtId="0" fontId="5" fillId="2" borderId="5" xfId="0" applyFont="1" applyFill="1" applyBorder="1" applyAlignment="1">
      <alignment horizontal="left" vertical="center" wrapText="1"/>
    </xf>
    <xf numFmtId="0" fontId="3" fillId="2" borderId="2" xfId="0" applyFont="1" applyFill="1" applyBorder="1" applyAlignment="1">
      <alignment horizontal="distributed" vertical="center"/>
    </xf>
    <xf numFmtId="0" fontId="3" fillId="2" borderId="19" xfId="0" applyFont="1" applyFill="1" applyBorder="1" applyAlignment="1">
      <alignment horizontal="left" vertical="center" wrapText="1"/>
    </xf>
    <xf numFmtId="0" fontId="3" fillId="2" borderId="13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left" vertical="center" wrapText="1"/>
    </xf>
    <xf numFmtId="57" fontId="3" fillId="2" borderId="2" xfId="0" applyNumberFormat="1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distributed" vertical="center" shrinkToFit="1"/>
    </xf>
    <xf numFmtId="0" fontId="3" fillId="2" borderId="2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left" vertical="center" shrinkToFit="1"/>
    </xf>
    <xf numFmtId="0" fontId="3" fillId="2" borderId="27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distributed" vertical="center"/>
    </xf>
    <xf numFmtId="0" fontId="3" fillId="2" borderId="4" xfId="0" applyFont="1" applyFill="1" applyBorder="1" applyAlignment="1">
      <alignment horizontal="left" vertical="center" wrapText="1"/>
    </xf>
    <xf numFmtId="0" fontId="3" fillId="2" borderId="11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left" vertical="center" wrapText="1"/>
    </xf>
    <xf numFmtId="57" fontId="3" fillId="2" borderId="1" xfId="0" applyNumberFormat="1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distributed" vertical="center" shrinkToFit="1"/>
    </xf>
    <xf numFmtId="0" fontId="3" fillId="2" borderId="1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 shrinkToFit="1"/>
    </xf>
    <xf numFmtId="177" fontId="3" fillId="2" borderId="7" xfId="0" applyNumberFormat="1" applyFont="1" applyFill="1" applyBorder="1" applyAlignment="1">
      <alignment horizontal="center" vertical="center"/>
    </xf>
    <xf numFmtId="177" fontId="3" fillId="2" borderId="1" xfId="0" applyNumberFormat="1" applyFont="1" applyFill="1" applyBorder="1" applyAlignment="1">
      <alignment horizontal="center" vertical="center"/>
    </xf>
    <xf numFmtId="0" fontId="3" fillId="2" borderId="29" xfId="0" applyFont="1" applyFill="1" applyBorder="1" applyAlignment="1">
      <alignment horizontal="center" vertical="center" wrapText="1"/>
    </xf>
    <xf numFmtId="0" fontId="3" fillId="2" borderId="27" xfId="0" applyFont="1" applyFill="1" applyBorder="1" applyAlignment="1">
      <alignment horizontal="center" vertical="center" shrinkToFit="1"/>
    </xf>
    <xf numFmtId="0" fontId="3" fillId="3" borderId="0" xfId="0" applyFont="1" applyFill="1" applyAlignment="1">
      <alignment horizontal="left" vertical="center"/>
    </xf>
    <xf numFmtId="0" fontId="3" fillId="2" borderId="15" xfId="0" applyFont="1" applyFill="1" applyBorder="1" applyAlignment="1">
      <alignment horizontal="left" vertical="center" shrinkToFit="1"/>
    </xf>
    <xf numFmtId="0" fontId="3" fillId="2" borderId="9" xfId="0" applyNumberFormat="1" applyFont="1" applyFill="1" applyBorder="1" applyAlignment="1">
      <alignment horizontal="center" vertical="center"/>
    </xf>
    <xf numFmtId="0" fontId="6" fillId="2" borderId="30" xfId="0" applyFont="1" applyFill="1" applyBorder="1" applyAlignment="1">
      <alignment horizontal="center" vertical="center"/>
    </xf>
    <xf numFmtId="0" fontId="6" fillId="2" borderId="0" xfId="0" applyFont="1" applyFill="1" applyAlignment="1">
      <alignment horizontal="center" vertical="center"/>
    </xf>
    <xf numFmtId="0" fontId="3" fillId="2" borderId="5" xfId="0" applyFont="1" applyFill="1" applyBorder="1" applyAlignment="1">
      <alignment horizontal="left" vertical="center" wrapText="1" shrinkToFit="1"/>
    </xf>
    <xf numFmtId="0" fontId="3" fillId="3" borderId="5" xfId="0" applyFont="1" applyFill="1" applyBorder="1" applyAlignment="1">
      <alignment horizontal="left" vertical="center"/>
    </xf>
    <xf numFmtId="0" fontId="3" fillId="3" borderId="0" xfId="0" applyFont="1" applyFill="1" applyAlignment="1">
      <alignment horizontal="left" vertical="center" wrapText="1"/>
    </xf>
    <xf numFmtId="49" fontId="3" fillId="2" borderId="6" xfId="0" applyNumberFormat="1" applyFont="1" applyFill="1" applyBorder="1" applyAlignment="1">
      <alignment horizontal="center" vertical="center"/>
    </xf>
    <xf numFmtId="0" fontId="3" fillId="3" borderId="0" xfId="0" applyFont="1" applyFill="1" applyBorder="1" applyAlignment="1">
      <alignment horizontal="left" vertical="center"/>
    </xf>
    <xf numFmtId="0" fontId="3" fillId="3" borderId="7" xfId="0" applyFont="1" applyFill="1" applyBorder="1" applyAlignment="1">
      <alignment horizontal="left" vertical="center"/>
    </xf>
    <xf numFmtId="0" fontId="3" fillId="2" borderId="10" xfId="0" applyFont="1" applyFill="1" applyBorder="1" applyAlignment="1">
      <alignment horizontal="left" vertical="center" wrapText="1" shrinkToFit="1"/>
    </xf>
    <xf numFmtId="0" fontId="8" fillId="2" borderId="5" xfId="0" applyFont="1" applyFill="1" applyBorder="1" applyAlignment="1">
      <alignment vertical="center"/>
    </xf>
    <xf numFmtId="0" fontId="3" fillId="2" borderId="15" xfId="0" applyFont="1" applyFill="1" applyBorder="1" applyAlignment="1">
      <alignment horizontal="left" vertical="center" wrapText="1"/>
    </xf>
    <xf numFmtId="0" fontId="4" fillId="2" borderId="3" xfId="0" applyFont="1" applyFill="1" applyBorder="1" applyAlignment="1">
      <alignment vertical="center"/>
    </xf>
    <xf numFmtId="0" fontId="3" fillId="2" borderId="30" xfId="0" applyFont="1" applyFill="1" applyBorder="1" applyAlignment="1">
      <alignment horizontal="center" vertical="center" shrinkToFit="1"/>
    </xf>
    <xf numFmtId="0" fontId="10" fillId="2" borderId="0" xfId="0" applyFont="1" applyFill="1" applyAlignment="1">
      <alignment horizontal="justify" vertical="center"/>
    </xf>
    <xf numFmtId="0" fontId="3" fillId="2" borderId="9" xfId="0" applyFont="1" applyFill="1" applyBorder="1" applyAlignment="1">
      <alignment horizontal="center" vertical="center" wrapText="1"/>
    </xf>
    <xf numFmtId="57" fontId="3" fillId="2" borderId="5" xfId="0" applyNumberFormat="1" applyFont="1" applyFill="1" applyBorder="1" applyAlignment="1">
      <alignment horizontal="center" vertical="center" wrapText="1"/>
    </xf>
    <xf numFmtId="0" fontId="3" fillId="2" borderId="17" xfId="0" applyFont="1" applyFill="1" applyBorder="1" applyAlignment="1">
      <alignment horizontal="left" vertical="center" wrapText="1"/>
    </xf>
    <xf numFmtId="0" fontId="3" fillId="2" borderId="11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>
      <alignment horizontal="center" vertical="center" shrinkToFit="1"/>
    </xf>
    <xf numFmtId="0" fontId="3" fillId="2" borderId="8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 wrapText="1"/>
    </xf>
    <xf numFmtId="0" fontId="3" fillId="2" borderId="20" xfId="0" applyFont="1" applyFill="1" applyBorder="1" applyAlignment="1">
      <alignment horizontal="left" vertical="center" wrapText="1"/>
    </xf>
    <xf numFmtId="0" fontId="3" fillId="2" borderId="24" xfId="0" applyFont="1" applyFill="1" applyBorder="1" applyAlignment="1">
      <alignment horizontal="left" vertical="center" wrapText="1"/>
    </xf>
    <xf numFmtId="0" fontId="3" fillId="2" borderId="22" xfId="0" applyFont="1" applyFill="1" applyBorder="1" applyAlignment="1">
      <alignment horizontal="left" vertical="center" wrapText="1"/>
    </xf>
    <xf numFmtId="0" fontId="3" fillId="2" borderId="26" xfId="0" applyFont="1" applyFill="1" applyBorder="1" applyAlignment="1">
      <alignment horizontal="left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left" vertical="center" wrapText="1"/>
    </xf>
    <xf numFmtId="0" fontId="3" fillId="2" borderId="8" xfId="0" applyFont="1" applyFill="1" applyBorder="1" applyAlignment="1">
      <alignment horizontal="left" vertical="center" wrapText="1"/>
    </xf>
    <xf numFmtId="0" fontId="3" fillId="2" borderId="10" xfId="0" applyFont="1" applyFill="1" applyBorder="1" applyAlignment="1">
      <alignment horizontal="center" vertical="center" shrinkToFit="1"/>
    </xf>
    <xf numFmtId="0" fontId="3" fillId="2" borderId="10" xfId="0" applyFont="1" applyFill="1" applyBorder="1" applyAlignment="1">
      <alignment horizontal="center" vertical="center" wrapText="1"/>
    </xf>
    <xf numFmtId="0" fontId="3" fillId="2" borderId="20" xfId="0" applyFont="1" applyFill="1" applyBorder="1" applyAlignment="1">
      <alignment horizontal="left" vertical="center" shrinkToFit="1"/>
    </xf>
    <xf numFmtId="0" fontId="3" fillId="2" borderId="24" xfId="0" applyFont="1" applyFill="1" applyBorder="1" applyAlignment="1">
      <alignment horizontal="left" vertical="center" shrinkToFit="1"/>
    </xf>
    <xf numFmtId="0" fontId="3" fillId="2" borderId="5" xfId="0" applyFont="1" applyFill="1" applyBorder="1" applyAlignment="1">
      <alignment horizontal="left" vertical="center" wrapText="1"/>
    </xf>
    <xf numFmtId="0" fontId="3" fillId="2" borderId="24" xfId="0" applyFont="1" applyFill="1" applyBorder="1" applyAlignment="1">
      <alignment horizontal="center" vertical="center" wrapText="1"/>
    </xf>
    <xf numFmtId="0" fontId="3" fillId="2" borderId="20" xfId="0" applyFont="1" applyFill="1" applyBorder="1" applyAlignment="1">
      <alignment horizontal="left" vertical="center" wrapText="1"/>
    </xf>
    <xf numFmtId="0" fontId="3" fillId="2" borderId="24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horizontal="center" vertical="center" textRotation="255" shrinkToFit="1"/>
    </xf>
    <xf numFmtId="0" fontId="3" fillId="2" borderId="9" xfId="0" applyFont="1" applyFill="1" applyBorder="1" applyAlignment="1">
      <alignment horizontal="center" vertical="center" textRotation="255" shrinkToFit="1"/>
    </xf>
    <xf numFmtId="0" fontId="3" fillId="2" borderId="6" xfId="0" applyFont="1" applyFill="1" applyBorder="1" applyAlignment="1">
      <alignment horizontal="center" vertical="center" shrinkToFit="1"/>
    </xf>
    <xf numFmtId="0" fontId="3" fillId="2" borderId="8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top" textRotation="255" wrapText="1"/>
    </xf>
    <xf numFmtId="0" fontId="3" fillId="2" borderId="9" xfId="0" applyFont="1" applyFill="1" applyBorder="1" applyAlignment="1">
      <alignment horizontal="center" vertical="top" textRotation="255"/>
    </xf>
    <xf numFmtId="0" fontId="3" fillId="2" borderId="3" xfId="0" applyFont="1" applyFill="1" applyBorder="1" applyAlignment="1">
      <alignment horizontal="center" vertical="top" textRotation="255"/>
    </xf>
    <xf numFmtId="0" fontId="3" fillId="2" borderId="3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177" fontId="3" fillId="2" borderId="1" xfId="0" applyNumberFormat="1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left" vertical="center" wrapText="1"/>
    </xf>
    <xf numFmtId="0" fontId="3" fillId="2" borderId="8" xfId="0" applyFont="1" applyFill="1" applyBorder="1" applyAlignment="1">
      <alignment horizontal="left" vertical="center" wrapText="1"/>
    </xf>
    <xf numFmtId="0" fontId="3" fillId="2" borderId="10" xfId="0" applyFont="1" applyFill="1" applyBorder="1" applyAlignment="1">
      <alignment horizontal="center" vertical="center" shrinkToFit="1"/>
    </xf>
    <xf numFmtId="0" fontId="3" fillId="2" borderId="0" xfId="0" applyFont="1" applyFill="1" applyBorder="1" applyAlignment="1">
      <alignment horizontal="left" wrapText="1"/>
    </xf>
    <xf numFmtId="0" fontId="3" fillId="2" borderId="6" xfId="0" applyFont="1" applyFill="1" applyBorder="1" applyAlignment="1">
      <alignment horizontal="center" vertical="center" wrapText="1" shrinkToFit="1"/>
    </xf>
    <xf numFmtId="0" fontId="3" fillId="2" borderId="8" xfId="0" applyFont="1" applyFill="1" applyBorder="1" applyAlignment="1">
      <alignment horizontal="center" vertical="center" wrapText="1" shrinkToFit="1"/>
    </xf>
    <xf numFmtId="0" fontId="3" fillId="2" borderId="22" xfId="0" applyFont="1" applyFill="1" applyBorder="1" applyAlignment="1">
      <alignment horizontal="left" vertical="center" wrapText="1"/>
    </xf>
    <xf numFmtId="0" fontId="3" fillId="2" borderId="26" xfId="0" applyFont="1" applyFill="1" applyBorder="1" applyAlignment="1">
      <alignment horizontal="left" vertical="center" wrapText="1"/>
    </xf>
    <xf numFmtId="0" fontId="3" fillId="2" borderId="1" xfId="0" applyNumberFormat="1" applyFont="1" applyFill="1" applyBorder="1" applyAlignment="1">
      <alignment horizontal="center" vertical="center" wrapText="1"/>
    </xf>
    <xf numFmtId="0" fontId="3" fillId="2" borderId="8" xfId="0" applyNumberFormat="1" applyFont="1" applyFill="1" applyBorder="1" applyAlignment="1">
      <alignment horizontal="center" vertical="center"/>
    </xf>
    <xf numFmtId="0" fontId="3" fillId="2" borderId="5" xfId="0" quotePrefix="1" applyNumberFormat="1" applyFont="1" applyFill="1" applyBorder="1" applyAlignment="1">
      <alignment horizontal="center" vertical="center"/>
    </xf>
    <xf numFmtId="0" fontId="8" fillId="2" borderId="31" xfId="0" applyNumberFormat="1" applyFont="1" applyFill="1" applyBorder="1" applyAlignment="1">
      <alignment horizontal="center" vertical="center"/>
    </xf>
    <xf numFmtId="0" fontId="3" fillId="2" borderId="7" xfId="0" applyNumberFormat="1" applyFont="1" applyFill="1" applyBorder="1" applyAlignment="1">
      <alignment horizontal="center" vertical="center"/>
    </xf>
    <xf numFmtId="0" fontId="3" fillId="2" borderId="6" xfId="0" quotePrefix="1" applyNumberFormat="1" applyFont="1" applyFill="1" applyBorder="1" applyAlignment="1">
      <alignment horizontal="center" vertical="center"/>
    </xf>
    <xf numFmtId="0" fontId="3" fillId="2" borderId="2" xfId="0" applyNumberFormat="1" applyFont="1" applyFill="1" applyBorder="1" applyAlignment="1">
      <alignment horizontal="center" vertical="center"/>
    </xf>
    <xf numFmtId="0" fontId="3" fillId="2" borderId="1" xfId="0" applyNumberFormat="1" applyFont="1" applyFill="1" applyBorder="1" applyAlignment="1">
      <alignment horizontal="center" vertical="center"/>
    </xf>
    <xf numFmtId="0" fontId="3" fillId="2" borderId="0" xfId="0" applyNumberFormat="1" applyFont="1" applyFill="1" applyAlignment="1"/>
    <xf numFmtId="0" fontId="3" fillId="2" borderId="6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49" fontId="3" fillId="2" borderId="5" xfId="0" quotePrefix="1" applyNumberFormat="1" applyFont="1" applyFill="1" applyBorder="1" applyAlignment="1">
      <alignment horizontal="center" vertical="center"/>
    </xf>
    <xf numFmtId="0" fontId="6" fillId="2" borderId="32" xfId="0" applyFont="1" applyFill="1" applyBorder="1" applyAlignment="1">
      <alignment horizontal="center" vertical="center"/>
    </xf>
    <xf numFmtId="0" fontId="3" fillId="2" borderId="15" xfId="0" applyFont="1" applyFill="1" applyBorder="1" applyAlignment="1">
      <alignment horizontal="left" vertical="center" wrapText="1"/>
    </xf>
    <xf numFmtId="0" fontId="3" fillId="2" borderId="16" xfId="0" applyFont="1" applyFill="1" applyBorder="1" applyAlignment="1">
      <alignment horizontal="left" vertical="center" wrapText="1"/>
    </xf>
    <xf numFmtId="0" fontId="3" fillId="2" borderId="25" xfId="0" applyFont="1" applyFill="1" applyBorder="1" applyAlignment="1">
      <alignment horizontal="left" vertical="center" wrapText="1"/>
    </xf>
    <xf numFmtId="0" fontId="3" fillId="2" borderId="18" xfId="0" applyFont="1" applyFill="1" applyBorder="1" applyAlignment="1">
      <alignment horizontal="left" vertical="center" wrapText="1"/>
    </xf>
    <xf numFmtId="0" fontId="3" fillId="2" borderId="16" xfId="0" applyFont="1" applyFill="1" applyBorder="1" applyAlignment="1">
      <alignment horizontal="left" vertical="center" wrapText="1"/>
    </xf>
    <xf numFmtId="0" fontId="3" fillId="2" borderId="13" xfId="0" applyFont="1" applyFill="1" applyBorder="1" applyAlignment="1">
      <alignment horizontal="left" vertical="center" wrapText="1"/>
    </xf>
    <xf numFmtId="0" fontId="3" fillId="2" borderId="12" xfId="0" applyFont="1" applyFill="1" applyBorder="1" applyAlignment="1">
      <alignment horizontal="left" vertical="center" wrapText="1"/>
    </xf>
    <xf numFmtId="0" fontId="0" fillId="2" borderId="8" xfId="0" applyFont="1" applyFill="1" applyBorder="1" applyAlignment="1">
      <alignment horizontal="center"/>
    </xf>
    <xf numFmtId="0" fontId="0" fillId="2" borderId="8" xfId="0" applyFont="1" applyFill="1" applyBorder="1" applyAlignment="1">
      <alignment horizontal="left"/>
    </xf>
    <xf numFmtId="0" fontId="3" fillId="2" borderId="10" xfId="0" applyFont="1" applyFill="1" applyBorder="1" applyAlignment="1">
      <alignment horizontal="left" vertical="center" wrapText="1"/>
    </xf>
    <xf numFmtId="0" fontId="3" fillId="2" borderId="28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horizontal="left" vertical="center" wrapText="1"/>
    </xf>
    <xf numFmtId="0" fontId="3" fillId="2" borderId="7" xfId="0" applyFont="1" applyFill="1" applyBorder="1" applyAlignment="1">
      <alignment horizontal="left" vertical="center" wrapText="1" shrinkToFit="1"/>
    </xf>
    <xf numFmtId="0" fontId="3" fillId="2" borderId="7" xfId="0" applyFont="1" applyFill="1" applyBorder="1" applyAlignment="1">
      <alignment horizontal="left" vertical="center"/>
    </xf>
    <xf numFmtId="0" fontId="8" fillId="2" borderId="7" xfId="0" applyFont="1" applyFill="1" applyBorder="1" applyAlignment="1">
      <alignment vertical="center"/>
    </xf>
    <xf numFmtId="0" fontId="8" fillId="2" borderId="22" xfId="0" applyNumberFormat="1" applyFont="1" applyFill="1" applyBorder="1" applyAlignment="1">
      <alignment horizontal="center" vertical="center"/>
    </xf>
    <xf numFmtId="0" fontId="3" fillId="2" borderId="33" xfId="0" applyFont="1" applyFill="1" applyBorder="1" applyAlignment="1">
      <alignment horizontal="center" wrapText="1"/>
    </xf>
    <xf numFmtId="0" fontId="3" fillId="2" borderId="33" xfId="0" applyFont="1" applyFill="1" applyBorder="1" applyAlignment="1">
      <alignment horizontal="center" vertical="center" shrinkToFit="1"/>
    </xf>
    <xf numFmtId="0" fontId="3" fillId="2" borderId="33" xfId="0" applyFont="1" applyFill="1" applyBorder="1" applyAlignment="1">
      <alignment horizontal="left" vertical="center" wrapText="1"/>
    </xf>
    <xf numFmtId="0" fontId="3" fillId="2" borderId="22" xfId="0" applyFont="1" applyFill="1" applyBorder="1" applyAlignment="1">
      <alignment horizontal="left" vertical="center" shrinkToFit="1"/>
    </xf>
    <xf numFmtId="0" fontId="3" fillId="2" borderId="26" xfId="0" applyFont="1" applyFill="1" applyBorder="1" applyAlignment="1">
      <alignment horizontal="left" vertical="center" shrinkToFit="1"/>
    </xf>
    <xf numFmtId="0" fontId="4" fillId="2" borderId="7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BB505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28600</xdr:colOff>
      <xdr:row>2</xdr:row>
      <xdr:rowOff>104775</xdr:rowOff>
    </xdr:from>
    <xdr:to>
      <xdr:col>2</xdr:col>
      <xdr:colOff>9525</xdr:colOff>
      <xdr:row>2</xdr:row>
      <xdr:rowOff>495300</xdr:rowOff>
    </xdr:to>
    <xdr:sp macro="" textlink="">
      <xdr:nvSpPr>
        <xdr:cNvPr id="1252" name="AutoShape 127"/>
        <xdr:cNvSpPr>
          <a:spLocks noChangeArrowheads="1"/>
        </xdr:cNvSpPr>
      </xdr:nvSpPr>
      <xdr:spPr bwMode="auto">
        <a:xfrm>
          <a:off x="1695450" y="762000"/>
          <a:ext cx="1114425" cy="390525"/>
        </a:xfrm>
        <a:prstGeom prst="bracketPair">
          <a:avLst>
            <a:gd name="adj" fmla="val 8569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5</xdr:col>
      <xdr:colOff>0</xdr:colOff>
      <xdr:row>0</xdr:row>
      <xdr:rowOff>152400</xdr:rowOff>
    </xdr:from>
    <xdr:to>
      <xdr:col>15</xdr:col>
      <xdr:colOff>0</xdr:colOff>
      <xdr:row>0</xdr:row>
      <xdr:rowOff>323850</xdr:rowOff>
    </xdr:to>
    <xdr:sp macro="" textlink="">
      <xdr:nvSpPr>
        <xdr:cNvPr id="3" name="Rectangle 78"/>
        <xdr:cNvSpPr>
          <a:spLocks noChangeArrowheads="1"/>
        </xdr:cNvSpPr>
      </xdr:nvSpPr>
      <xdr:spPr bwMode="auto">
        <a:xfrm>
          <a:off x="17325975" y="152400"/>
          <a:ext cx="3667125" cy="1714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◎～実施（補助対象）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,○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～実施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(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補助非対象）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,●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～事業（補助）廃止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indexed="11"/>
  </sheetPr>
  <dimension ref="A1:O461"/>
  <sheetViews>
    <sheetView tabSelected="1" view="pageBreakPreview" zoomScaleNormal="100" zoomScaleSheetLayoutView="100" workbookViewId="0">
      <pane xSplit="7" ySplit="3" topLeftCell="H4" activePane="bottomRight" state="frozen"/>
      <selection pane="topRight" activeCell="E1" sqref="E1"/>
      <selection pane="bottomLeft" activeCell="A2" sqref="A2"/>
      <selection pane="bottomRight"/>
    </sheetView>
  </sheetViews>
  <sheetFormatPr defaultColWidth="9" defaultRowHeight="12"/>
  <cols>
    <col min="1" max="1" width="8" style="9" bestFit="1" customWidth="1"/>
    <col min="2" max="2" width="17.375" style="10" customWidth="1"/>
    <col min="3" max="3" width="3.25" style="11" customWidth="1"/>
    <col min="4" max="5" width="3.25" style="11" hidden="1" customWidth="1"/>
    <col min="6" max="6" width="3.125" style="11" hidden="1" customWidth="1"/>
    <col min="7" max="7" width="9.625" style="10" customWidth="1"/>
    <col min="8" max="8" width="19.25" style="10" customWidth="1"/>
    <col min="9" max="9" width="9.125" style="12" bestFit="1" customWidth="1"/>
    <col min="10" max="10" width="12.25" style="13" customWidth="1"/>
    <col min="11" max="11" width="8.875" style="14" customWidth="1"/>
    <col min="12" max="12" width="23.625" style="13" customWidth="1"/>
    <col min="13" max="14" width="12.875" style="9" customWidth="1"/>
    <col min="15" max="15" width="5" style="160" customWidth="1"/>
    <col min="16" max="16384" width="9" style="9"/>
  </cols>
  <sheetData>
    <row r="1" spans="1:15" ht="26.25" customHeight="1">
      <c r="L1" s="147" t="s">
        <v>854</v>
      </c>
      <c r="M1" s="147"/>
      <c r="N1" s="147"/>
      <c r="O1" s="147"/>
    </row>
    <row r="2" spans="1:15" ht="25.5" customHeight="1">
      <c r="A2" s="137" t="s">
        <v>1071</v>
      </c>
      <c r="B2" s="137" t="s">
        <v>2659</v>
      </c>
      <c r="C2" s="137"/>
      <c r="D2" s="138" t="s">
        <v>1601</v>
      </c>
      <c r="E2" s="140" t="s">
        <v>1602</v>
      </c>
      <c r="F2" s="133" t="s">
        <v>1496</v>
      </c>
      <c r="G2" s="137" t="s">
        <v>548</v>
      </c>
      <c r="H2" s="137" t="s">
        <v>644</v>
      </c>
      <c r="I2" s="143" t="s">
        <v>728</v>
      </c>
      <c r="J2" s="142" t="s">
        <v>1247</v>
      </c>
      <c r="K2" s="137" t="s">
        <v>645</v>
      </c>
      <c r="L2" s="137" t="s">
        <v>646</v>
      </c>
      <c r="M2" s="137" t="s">
        <v>1114</v>
      </c>
      <c r="N2" s="137" t="s">
        <v>626</v>
      </c>
      <c r="O2" s="152" t="s">
        <v>1248</v>
      </c>
    </row>
    <row r="3" spans="1:15" s="10" customFormat="1" ht="51" customHeight="1">
      <c r="A3" s="137"/>
      <c r="B3" s="137"/>
      <c r="C3" s="137"/>
      <c r="D3" s="139"/>
      <c r="E3" s="139"/>
      <c r="F3" s="134"/>
      <c r="G3" s="137"/>
      <c r="H3" s="137"/>
      <c r="I3" s="143"/>
      <c r="J3" s="142"/>
      <c r="K3" s="137"/>
      <c r="L3" s="137"/>
      <c r="M3" s="137"/>
      <c r="N3" s="137"/>
      <c r="O3" s="152"/>
    </row>
    <row r="4" spans="1:15" s="8" customFormat="1" ht="26.25" customHeight="1">
      <c r="A4" s="23" t="s">
        <v>866</v>
      </c>
      <c r="B4" s="116" t="s">
        <v>863</v>
      </c>
      <c r="C4" s="117"/>
      <c r="D4" s="129"/>
      <c r="E4" s="129"/>
      <c r="F4" s="129" t="str">
        <f t="shared" ref="F4:F20" si="0">IF(O4="","",IF(O4&lt;60,"○","　"))</f>
        <v>　</v>
      </c>
      <c r="G4" s="24" t="s">
        <v>719</v>
      </c>
      <c r="H4" s="128" t="s">
        <v>866</v>
      </c>
      <c r="I4" s="25">
        <v>20576</v>
      </c>
      <c r="J4" s="26" t="s">
        <v>2623</v>
      </c>
      <c r="K4" s="27" t="s">
        <v>1361</v>
      </c>
      <c r="L4" s="28" t="s">
        <v>1356</v>
      </c>
      <c r="M4" s="27" t="s">
        <v>278</v>
      </c>
      <c r="N4" s="29" t="s">
        <v>278</v>
      </c>
      <c r="O4" s="44">
        <v>95</v>
      </c>
    </row>
    <row r="5" spans="1:15" s="8" customFormat="1" ht="26.25" customHeight="1">
      <c r="A5" s="23" t="s">
        <v>866</v>
      </c>
      <c r="B5" s="116" t="s">
        <v>864</v>
      </c>
      <c r="C5" s="117"/>
      <c r="D5" s="129"/>
      <c r="E5" s="129"/>
      <c r="F5" s="129" t="str">
        <f t="shared" si="0"/>
        <v>　</v>
      </c>
      <c r="G5" s="24" t="s">
        <v>719</v>
      </c>
      <c r="H5" s="128" t="s">
        <v>866</v>
      </c>
      <c r="I5" s="25">
        <v>24198</v>
      </c>
      <c r="J5" s="26" t="s">
        <v>2822</v>
      </c>
      <c r="K5" s="27" t="s">
        <v>1362</v>
      </c>
      <c r="L5" s="28" t="s">
        <v>867</v>
      </c>
      <c r="M5" s="27" t="s">
        <v>279</v>
      </c>
      <c r="N5" s="27" t="s">
        <v>279</v>
      </c>
      <c r="O5" s="44">
        <v>60</v>
      </c>
    </row>
    <row r="6" spans="1:15" s="8" customFormat="1" ht="26.25" customHeight="1">
      <c r="A6" s="23" t="s">
        <v>866</v>
      </c>
      <c r="B6" s="116" t="s">
        <v>865</v>
      </c>
      <c r="C6" s="117"/>
      <c r="D6" s="129"/>
      <c r="E6" s="129"/>
      <c r="F6" s="129" t="str">
        <f t="shared" si="0"/>
        <v>　</v>
      </c>
      <c r="G6" s="24" t="s">
        <v>1612</v>
      </c>
      <c r="H6" s="128" t="s">
        <v>866</v>
      </c>
      <c r="I6" s="25">
        <v>25659</v>
      </c>
      <c r="J6" s="26" t="s">
        <v>2624</v>
      </c>
      <c r="K6" s="27" t="s">
        <v>1363</v>
      </c>
      <c r="L6" s="28" t="s">
        <v>868</v>
      </c>
      <c r="M6" s="27" t="s">
        <v>1364</v>
      </c>
      <c r="N6" s="29" t="s">
        <v>280</v>
      </c>
      <c r="O6" s="44">
        <v>90</v>
      </c>
    </row>
    <row r="7" spans="1:15" s="8" customFormat="1" ht="26.25" customHeight="1">
      <c r="A7" s="23" t="s">
        <v>866</v>
      </c>
      <c r="B7" s="116" t="s">
        <v>835</v>
      </c>
      <c r="C7" s="117"/>
      <c r="D7" s="129"/>
      <c r="E7" s="129"/>
      <c r="F7" s="129" t="str">
        <f t="shared" si="0"/>
        <v>　</v>
      </c>
      <c r="G7" s="24" t="s">
        <v>1612</v>
      </c>
      <c r="H7" s="128" t="s">
        <v>866</v>
      </c>
      <c r="I7" s="25">
        <v>23833</v>
      </c>
      <c r="J7" s="26" t="s">
        <v>2823</v>
      </c>
      <c r="K7" s="27" t="s">
        <v>1365</v>
      </c>
      <c r="L7" s="28" t="s">
        <v>869</v>
      </c>
      <c r="M7" s="27" t="s">
        <v>281</v>
      </c>
      <c r="N7" s="27" t="s">
        <v>281</v>
      </c>
      <c r="O7" s="44">
        <v>90</v>
      </c>
    </row>
    <row r="8" spans="1:15" s="8" customFormat="1" ht="26.25" customHeight="1">
      <c r="A8" s="23" t="s">
        <v>866</v>
      </c>
      <c r="B8" s="116" t="s">
        <v>837</v>
      </c>
      <c r="C8" s="117"/>
      <c r="D8" s="129"/>
      <c r="E8" s="129"/>
      <c r="F8" s="129" t="str">
        <f t="shared" si="0"/>
        <v>　</v>
      </c>
      <c r="G8" s="24" t="s">
        <v>1612</v>
      </c>
      <c r="H8" s="128" t="s">
        <v>866</v>
      </c>
      <c r="I8" s="25">
        <v>26390</v>
      </c>
      <c r="J8" s="26" t="s">
        <v>2625</v>
      </c>
      <c r="K8" s="27" t="s">
        <v>1366</v>
      </c>
      <c r="L8" s="28" t="s">
        <v>870</v>
      </c>
      <c r="M8" s="27" t="s">
        <v>282</v>
      </c>
      <c r="N8" s="27" t="s">
        <v>282</v>
      </c>
      <c r="O8" s="44">
        <v>90</v>
      </c>
    </row>
    <row r="9" spans="1:15" s="8" customFormat="1" ht="26.25" customHeight="1">
      <c r="A9" s="23" t="s">
        <v>866</v>
      </c>
      <c r="B9" s="116" t="s">
        <v>1276</v>
      </c>
      <c r="C9" s="117"/>
      <c r="D9" s="129"/>
      <c r="E9" s="129"/>
      <c r="F9" s="129" t="str">
        <f t="shared" si="0"/>
        <v>　</v>
      </c>
      <c r="G9" s="24" t="s">
        <v>1612</v>
      </c>
      <c r="H9" s="128" t="s">
        <v>866</v>
      </c>
      <c r="I9" s="25">
        <v>27120</v>
      </c>
      <c r="J9" s="26" t="s">
        <v>2821</v>
      </c>
      <c r="K9" s="27" t="s">
        <v>1367</v>
      </c>
      <c r="L9" s="28" t="s">
        <v>871</v>
      </c>
      <c r="M9" s="27" t="s">
        <v>283</v>
      </c>
      <c r="N9" s="27" t="s">
        <v>283</v>
      </c>
      <c r="O9" s="44">
        <v>90</v>
      </c>
    </row>
    <row r="10" spans="1:15" s="8" customFormat="1" ht="26.25" customHeight="1">
      <c r="A10" s="23" t="s">
        <v>866</v>
      </c>
      <c r="B10" s="116" t="s">
        <v>1141</v>
      </c>
      <c r="C10" s="117"/>
      <c r="D10" s="129"/>
      <c r="E10" s="129"/>
      <c r="F10" s="129" t="str">
        <f t="shared" si="0"/>
        <v>　</v>
      </c>
      <c r="G10" s="24" t="s">
        <v>1612</v>
      </c>
      <c r="H10" s="128" t="s">
        <v>866</v>
      </c>
      <c r="I10" s="25">
        <v>27851</v>
      </c>
      <c r="J10" s="26" t="s">
        <v>2820</v>
      </c>
      <c r="K10" s="27" t="s">
        <v>1368</v>
      </c>
      <c r="L10" s="28" t="s">
        <v>872</v>
      </c>
      <c r="M10" s="27" t="s">
        <v>581</v>
      </c>
      <c r="N10" s="27" t="s">
        <v>581</v>
      </c>
      <c r="O10" s="44">
        <v>80</v>
      </c>
    </row>
    <row r="11" spans="1:15" s="8" customFormat="1" ht="26.25" customHeight="1">
      <c r="A11" s="23" t="s">
        <v>866</v>
      </c>
      <c r="B11" s="116" t="s">
        <v>1142</v>
      </c>
      <c r="C11" s="117"/>
      <c r="D11" s="129"/>
      <c r="E11" s="129"/>
      <c r="F11" s="129" t="str">
        <f t="shared" si="0"/>
        <v>　</v>
      </c>
      <c r="G11" s="24" t="s">
        <v>895</v>
      </c>
      <c r="H11" s="128" t="s">
        <v>1286</v>
      </c>
      <c r="I11" s="25">
        <v>19683</v>
      </c>
      <c r="J11" s="26" t="s">
        <v>417</v>
      </c>
      <c r="K11" s="27" t="s">
        <v>1369</v>
      </c>
      <c r="L11" s="28" t="s">
        <v>873</v>
      </c>
      <c r="M11" s="27" t="s">
        <v>1370</v>
      </c>
      <c r="N11" s="27" t="s">
        <v>284</v>
      </c>
      <c r="O11" s="44">
        <v>90</v>
      </c>
    </row>
    <row r="12" spans="1:15" s="8" customFormat="1" ht="26.25" customHeight="1">
      <c r="A12" s="23" t="s">
        <v>866</v>
      </c>
      <c r="B12" s="116" t="s">
        <v>2433</v>
      </c>
      <c r="C12" s="117"/>
      <c r="D12" s="129"/>
      <c r="E12" s="129"/>
      <c r="F12" s="129" t="str">
        <f t="shared" si="0"/>
        <v>　</v>
      </c>
      <c r="G12" s="24" t="s">
        <v>895</v>
      </c>
      <c r="H12" s="128" t="s">
        <v>2434</v>
      </c>
      <c r="I12" s="25">
        <v>20121</v>
      </c>
      <c r="J12" s="26" t="s">
        <v>2435</v>
      </c>
      <c r="K12" s="27" t="s">
        <v>1371</v>
      </c>
      <c r="L12" s="28" t="s">
        <v>874</v>
      </c>
      <c r="M12" s="27" t="s">
        <v>1372</v>
      </c>
      <c r="N12" s="27" t="s">
        <v>285</v>
      </c>
      <c r="O12" s="44">
        <v>60</v>
      </c>
    </row>
    <row r="13" spans="1:15" s="8" customFormat="1" ht="26.25" customHeight="1">
      <c r="A13" s="23" t="s">
        <v>866</v>
      </c>
      <c r="B13" s="116" t="s">
        <v>1143</v>
      </c>
      <c r="C13" s="117"/>
      <c r="D13" s="129"/>
      <c r="E13" s="129"/>
      <c r="F13" s="129" t="str">
        <f t="shared" si="0"/>
        <v>　</v>
      </c>
      <c r="G13" s="24" t="s">
        <v>895</v>
      </c>
      <c r="H13" s="128" t="s">
        <v>896</v>
      </c>
      <c r="I13" s="25">
        <v>25659</v>
      </c>
      <c r="J13" s="26" t="s">
        <v>418</v>
      </c>
      <c r="K13" s="27" t="s">
        <v>1373</v>
      </c>
      <c r="L13" s="28" t="s">
        <v>875</v>
      </c>
      <c r="M13" s="27" t="s">
        <v>1374</v>
      </c>
      <c r="N13" s="27" t="s">
        <v>286</v>
      </c>
      <c r="O13" s="44">
        <v>120</v>
      </c>
    </row>
    <row r="14" spans="1:15" s="8" customFormat="1" ht="26.25" customHeight="1">
      <c r="A14" s="23" t="s">
        <v>866</v>
      </c>
      <c r="B14" s="116" t="s">
        <v>838</v>
      </c>
      <c r="C14" s="117"/>
      <c r="D14" s="129"/>
      <c r="E14" s="129"/>
      <c r="F14" s="129" t="str">
        <f t="shared" si="0"/>
        <v>　</v>
      </c>
      <c r="G14" s="24" t="s">
        <v>895</v>
      </c>
      <c r="H14" s="128" t="s">
        <v>897</v>
      </c>
      <c r="I14" s="25">
        <v>25294</v>
      </c>
      <c r="J14" s="26" t="s">
        <v>419</v>
      </c>
      <c r="K14" s="27" t="s">
        <v>1375</v>
      </c>
      <c r="L14" s="28" t="s">
        <v>876</v>
      </c>
      <c r="M14" s="27" t="s">
        <v>1376</v>
      </c>
      <c r="N14" s="27" t="s">
        <v>287</v>
      </c>
      <c r="O14" s="44">
        <v>140</v>
      </c>
    </row>
    <row r="15" spans="1:15" s="8" customFormat="1" ht="26.25" customHeight="1">
      <c r="A15" s="23" t="s">
        <v>866</v>
      </c>
      <c r="B15" s="116" t="s">
        <v>839</v>
      </c>
      <c r="C15" s="117"/>
      <c r="D15" s="129"/>
      <c r="E15" s="129"/>
      <c r="F15" s="129" t="str">
        <f t="shared" si="0"/>
        <v>　</v>
      </c>
      <c r="G15" s="24" t="s">
        <v>895</v>
      </c>
      <c r="H15" s="128" t="s">
        <v>897</v>
      </c>
      <c r="I15" s="25">
        <v>28703</v>
      </c>
      <c r="J15" s="26" t="s">
        <v>420</v>
      </c>
      <c r="K15" s="27" t="s">
        <v>1377</v>
      </c>
      <c r="L15" s="28" t="s">
        <v>877</v>
      </c>
      <c r="M15" s="27" t="s">
        <v>1378</v>
      </c>
      <c r="N15" s="29" t="s">
        <v>289</v>
      </c>
      <c r="O15" s="44">
        <v>120</v>
      </c>
    </row>
    <row r="16" spans="1:15" s="8" customFormat="1" ht="26.25" customHeight="1">
      <c r="A16" s="23" t="s">
        <v>866</v>
      </c>
      <c r="B16" s="116" t="s">
        <v>1233</v>
      </c>
      <c r="C16" s="117"/>
      <c r="D16" s="129"/>
      <c r="E16" s="129"/>
      <c r="F16" s="129" t="str">
        <f t="shared" si="0"/>
        <v>　</v>
      </c>
      <c r="G16" s="24" t="s">
        <v>895</v>
      </c>
      <c r="H16" s="128" t="s">
        <v>898</v>
      </c>
      <c r="I16" s="25">
        <v>26024</v>
      </c>
      <c r="J16" s="26" t="s">
        <v>2630</v>
      </c>
      <c r="K16" s="27" t="s">
        <v>1379</v>
      </c>
      <c r="L16" s="28" t="s">
        <v>1027</v>
      </c>
      <c r="M16" s="27" t="s">
        <v>1380</v>
      </c>
      <c r="N16" s="27" t="s">
        <v>290</v>
      </c>
      <c r="O16" s="44">
        <v>150</v>
      </c>
    </row>
    <row r="17" spans="1:15" s="8" customFormat="1" ht="26.25" customHeight="1">
      <c r="A17" s="23" t="s">
        <v>866</v>
      </c>
      <c r="B17" s="116" t="s">
        <v>1234</v>
      </c>
      <c r="C17" s="117"/>
      <c r="D17" s="129"/>
      <c r="E17" s="129"/>
      <c r="F17" s="129" t="str">
        <f t="shared" si="0"/>
        <v>　</v>
      </c>
      <c r="G17" s="24" t="s">
        <v>895</v>
      </c>
      <c r="H17" s="128" t="s">
        <v>1286</v>
      </c>
      <c r="I17" s="25">
        <v>28216</v>
      </c>
      <c r="J17" s="26" t="s">
        <v>421</v>
      </c>
      <c r="K17" s="27" t="s">
        <v>1381</v>
      </c>
      <c r="L17" s="28" t="s">
        <v>878</v>
      </c>
      <c r="M17" s="27" t="s">
        <v>582</v>
      </c>
      <c r="N17" s="27" t="s">
        <v>291</v>
      </c>
      <c r="O17" s="44">
        <v>135</v>
      </c>
    </row>
    <row r="18" spans="1:15" s="8" customFormat="1" ht="26.25" customHeight="1">
      <c r="A18" s="23" t="s">
        <v>866</v>
      </c>
      <c r="B18" s="116" t="s">
        <v>1235</v>
      </c>
      <c r="C18" s="117"/>
      <c r="D18" s="129"/>
      <c r="E18" s="129"/>
      <c r="F18" s="129" t="str">
        <f t="shared" si="0"/>
        <v>　</v>
      </c>
      <c r="G18" s="24" t="s">
        <v>895</v>
      </c>
      <c r="H18" s="128" t="s">
        <v>1286</v>
      </c>
      <c r="I18" s="25">
        <v>17684</v>
      </c>
      <c r="J18" s="26" t="s">
        <v>2819</v>
      </c>
      <c r="K18" s="27" t="s">
        <v>1385</v>
      </c>
      <c r="L18" s="28" t="s">
        <v>881</v>
      </c>
      <c r="M18" s="27" t="s">
        <v>1386</v>
      </c>
      <c r="N18" s="27" t="s">
        <v>292</v>
      </c>
      <c r="O18" s="44">
        <v>135</v>
      </c>
    </row>
    <row r="19" spans="1:15" s="8" customFormat="1" ht="26.25" customHeight="1">
      <c r="A19" s="23" t="s">
        <v>866</v>
      </c>
      <c r="B19" s="116" t="s">
        <v>1291</v>
      </c>
      <c r="C19" s="117"/>
      <c r="D19" s="129"/>
      <c r="E19" s="129"/>
      <c r="F19" s="129" t="str">
        <f t="shared" si="0"/>
        <v>　</v>
      </c>
      <c r="G19" s="24" t="s">
        <v>895</v>
      </c>
      <c r="H19" s="128" t="s">
        <v>1286</v>
      </c>
      <c r="I19" s="25">
        <v>17684</v>
      </c>
      <c r="J19" s="26" t="s">
        <v>1939</v>
      </c>
      <c r="K19" s="27" t="s">
        <v>1377</v>
      </c>
      <c r="L19" s="28" t="s">
        <v>882</v>
      </c>
      <c r="M19" s="27" t="s">
        <v>1387</v>
      </c>
      <c r="N19" s="27" t="s">
        <v>293</v>
      </c>
      <c r="O19" s="44">
        <v>110</v>
      </c>
    </row>
    <row r="20" spans="1:15" s="8" customFormat="1" ht="26.25" customHeight="1">
      <c r="A20" s="23" t="s">
        <v>866</v>
      </c>
      <c r="B20" s="116" t="s">
        <v>1292</v>
      </c>
      <c r="C20" s="117"/>
      <c r="D20" s="129"/>
      <c r="E20" s="129"/>
      <c r="F20" s="129" t="str">
        <f t="shared" si="0"/>
        <v>　</v>
      </c>
      <c r="G20" s="24" t="s">
        <v>895</v>
      </c>
      <c r="H20" s="128" t="s">
        <v>899</v>
      </c>
      <c r="I20" s="25">
        <v>26390</v>
      </c>
      <c r="J20" s="26" t="s">
        <v>2125</v>
      </c>
      <c r="K20" s="27" t="s">
        <v>1388</v>
      </c>
      <c r="L20" s="28" t="s">
        <v>1357</v>
      </c>
      <c r="M20" s="27" t="s">
        <v>1389</v>
      </c>
      <c r="N20" s="29" t="s">
        <v>294</v>
      </c>
      <c r="O20" s="44">
        <v>140</v>
      </c>
    </row>
    <row r="21" spans="1:15" s="8" customFormat="1" ht="26.25" customHeight="1">
      <c r="A21" s="23" t="s">
        <v>866</v>
      </c>
      <c r="B21" s="116" t="s">
        <v>1250</v>
      </c>
      <c r="C21" s="117"/>
      <c r="D21" s="129"/>
      <c r="E21" s="129"/>
      <c r="F21" s="129" t="str">
        <f>IF(O21="","",IF(O21&lt;60,"○","　"))</f>
        <v>○</v>
      </c>
      <c r="G21" s="24" t="s">
        <v>895</v>
      </c>
      <c r="H21" s="128" t="s">
        <v>899</v>
      </c>
      <c r="I21" s="25">
        <v>37712</v>
      </c>
      <c r="J21" s="26" t="s">
        <v>2396</v>
      </c>
      <c r="K21" s="27" t="s">
        <v>1388</v>
      </c>
      <c r="L21" s="28" t="s">
        <v>883</v>
      </c>
      <c r="M21" s="27" t="s">
        <v>1390</v>
      </c>
      <c r="N21" s="27" t="s">
        <v>295</v>
      </c>
      <c r="O21" s="44">
        <v>45</v>
      </c>
    </row>
    <row r="22" spans="1:15" s="8" customFormat="1" ht="26.25" customHeight="1">
      <c r="A22" s="23" t="s">
        <v>866</v>
      </c>
      <c r="B22" s="116" t="s">
        <v>844</v>
      </c>
      <c r="C22" s="117"/>
      <c r="D22" s="129"/>
      <c r="E22" s="129"/>
      <c r="F22" s="129" t="str">
        <f t="shared" ref="F22:F96" si="1">IF(O22="","",IF(O22&lt;60,"○","　"))</f>
        <v>　</v>
      </c>
      <c r="G22" s="24" t="s">
        <v>895</v>
      </c>
      <c r="H22" s="128" t="s">
        <v>1286</v>
      </c>
      <c r="I22" s="25">
        <v>25294</v>
      </c>
      <c r="J22" s="26" t="s">
        <v>422</v>
      </c>
      <c r="K22" s="27" t="s">
        <v>1367</v>
      </c>
      <c r="L22" s="28" t="s">
        <v>884</v>
      </c>
      <c r="M22" s="27" t="s">
        <v>1391</v>
      </c>
      <c r="N22" s="27" t="s">
        <v>296</v>
      </c>
      <c r="O22" s="44">
        <v>120</v>
      </c>
    </row>
    <row r="23" spans="1:15" s="8" customFormat="1" ht="26.25" customHeight="1">
      <c r="A23" s="23" t="s">
        <v>866</v>
      </c>
      <c r="B23" s="116" t="s">
        <v>742</v>
      </c>
      <c r="C23" s="117"/>
      <c r="D23" s="129"/>
      <c r="E23" s="129"/>
      <c r="F23" s="129" t="str">
        <f t="shared" si="1"/>
        <v>　</v>
      </c>
      <c r="G23" s="24" t="s">
        <v>895</v>
      </c>
      <c r="H23" s="128" t="s">
        <v>896</v>
      </c>
      <c r="I23" s="25">
        <v>27485</v>
      </c>
      <c r="J23" s="26" t="s">
        <v>423</v>
      </c>
      <c r="K23" s="27" t="s">
        <v>1392</v>
      </c>
      <c r="L23" s="28" t="s">
        <v>885</v>
      </c>
      <c r="M23" s="27" t="s">
        <v>1393</v>
      </c>
      <c r="N23" s="27" t="s">
        <v>297</v>
      </c>
      <c r="O23" s="44">
        <v>90</v>
      </c>
    </row>
    <row r="24" spans="1:15" s="8" customFormat="1" ht="26.25" customHeight="1">
      <c r="A24" s="23" t="s">
        <v>866</v>
      </c>
      <c r="B24" s="116" t="s">
        <v>743</v>
      </c>
      <c r="C24" s="117"/>
      <c r="D24" s="129"/>
      <c r="E24" s="129"/>
      <c r="F24" s="129" t="str">
        <f t="shared" si="1"/>
        <v>　</v>
      </c>
      <c r="G24" s="24" t="s">
        <v>895</v>
      </c>
      <c r="H24" s="128" t="s">
        <v>900</v>
      </c>
      <c r="I24" s="25">
        <v>27485</v>
      </c>
      <c r="J24" s="26" t="s">
        <v>1809</v>
      </c>
      <c r="K24" s="27" t="s">
        <v>201</v>
      </c>
      <c r="L24" s="28" t="s">
        <v>887</v>
      </c>
      <c r="M24" s="27" t="s">
        <v>1394</v>
      </c>
      <c r="N24" s="29" t="s">
        <v>298</v>
      </c>
      <c r="O24" s="44">
        <v>120</v>
      </c>
    </row>
    <row r="25" spans="1:15" s="8" customFormat="1" ht="26.25" customHeight="1">
      <c r="A25" s="23" t="s">
        <v>866</v>
      </c>
      <c r="B25" s="116" t="s">
        <v>744</v>
      </c>
      <c r="C25" s="117"/>
      <c r="D25" s="129"/>
      <c r="E25" s="129"/>
      <c r="F25" s="129" t="str">
        <f t="shared" si="1"/>
        <v>　</v>
      </c>
      <c r="G25" s="24" t="s">
        <v>895</v>
      </c>
      <c r="H25" s="128" t="s">
        <v>901</v>
      </c>
      <c r="I25" s="25">
        <v>27851</v>
      </c>
      <c r="J25" s="30" t="s">
        <v>1613</v>
      </c>
      <c r="K25" s="27" t="s">
        <v>1395</v>
      </c>
      <c r="L25" s="28" t="s">
        <v>890</v>
      </c>
      <c r="M25" s="27" t="s">
        <v>1396</v>
      </c>
      <c r="N25" s="29" t="s">
        <v>299</v>
      </c>
      <c r="O25" s="44">
        <v>120</v>
      </c>
    </row>
    <row r="26" spans="1:15" s="8" customFormat="1" ht="26.25" customHeight="1">
      <c r="A26" s="161" t="s">
        <v>2837</v>
      </c>
      <c r="B26" s="116" t="s">
        <v>745</v>
      </c>
      <c r="C26" s="117"/>
      <c r="D26" s="129"/>
      <c r="E26" s="129"/>
      <c r="F26" s="129" t="str">
        <f t="shared" si="1"/>
        <v>　</v>
      </c>
      <c r="G26" s="135" t="s">
        <v>895</v>
      </c>
      <c r="H26" s="144" t="s">
        <v>2332</v>
      </c>
      <c r="I26" s="25">
        <v>28946</v>
      </c>
      <c r="J26" s="26" t="s">
        <v>2628</v>
      </c>
      <c r="K26" s="27" t="s">
        <v>1388</v>
      </c>
      <c r="L26" s="28" t="s">
        <v>1028</v>
      </c>
      <c r="M26" s="27" t="s">
        <v>1397</v>
      </c>
      <c r="N26" s="27" t="s">
        <v>1398</v>
      </c>
      <c r="O26" s="44">
        <v>195</v>
      </c>
    </row>
    <row r="27" spans="1:15" s="8" customFormat="1" ht="26.25" customHeight="1">
      <c r="A27" s="162"/>
      <c r="B27" s="116" t="s">
        <v>2093</v>
      </c>
      <c r="C27" s="117"/>
      <c r="D27" s="129"/>
      <c r="E27" s="129"/>
      <c r="F27" s="129" t="str">
        <f t="shared" si="1"/>
        <v>　</v>
      </c>
      <c r="G27" s="136"/>
      <c r="H27" s="145"/>
      <c r="I27" s="25">
        <v>42156</v>
      </c>
      <c r="J27" s="26" t="s">
        <v>2628</v>
      </c>
      <c r="K27" s="27" t="s">
        <v>2094</v>
      </c>
      <c r="L27" s="28" t="s">
        <v>2095</v>
      </c>
      <c r="M27" s="27" t="s">
        <v>2450</v>
      </c>
      <c r="N27" s="27"/>
      <c r="O27" s="44" t="s">
        <v>2096</v>
      </c>
    </row>
    <row r="28" spans="1:15" s="31" customFormat="1" ht="26.25" customHeight="1">
      <c r="A28" s="23" t="s">
        <v>866</v>
      </c>
      <c r="B28" s="116" t="s">
        <v>746</v>
      </c>
      <c r="C28" s="117" t="s">
        <v>1614</v>
      </c>
      <c r="D28" s="129"/>
      <c r="E28" s="129"/>
      <c r="F28" s="129"/>
      <c r="G28" s="24" t="s">
        <v>895</v>
      </c>
      <c r="H28" s="128" t="s">
        <v>902</v>
      </c>
      <c r="I28" s="25">
        <v>33695</v>
      </c>
      <c r="J28" s="26" t="s">
        <v>424</v>
      </c>
      <c r="K28" s="27" t="s">
        <v>2757</v>
      </c>
      <c r="L28" s="28" t="s">
        <v>891</v>
      </c>
      <c r="M28" s="27" t="s">
        <v>1399</v>
      </c>
      <c r="N28" s="27" t="s">
        <v>300</v>
      </c>
      <c r="O28" s="44">
        <v>50</v>
      </c>
    </row>
    <row r="29" spans="1:15" s="31" customFormat="1" ht="26.25" customHeight="1">
      <c r="A29" s="23" t="s">
        <v>866</v>
      </c>
      <c r="B29" s="116" t="s">
        <v>1210</v>
      </c>
      <c r="C29" s="117" t="s">
        <v>1614</v>
      </c>
      <c r="D29" s="129"/>
      <c r="E29" s="129"/>
      <c r="F29" s="129"/>
      <c r="G29" s="24" t="s">
        <v>895</v>
      </c>
      <c r="H29" s="128" t="s">
        <v>902</v>
      </c>
      <c r="I29" s="25">
        <v>37438</v>
      </c>
      <c r="J29" s="5" t="s">
        <v>2629</v>
      </c>
      <c r="K29" s="27" t="s">
        <v>1400</v>
      </c>
      <c r="L29" s="28" t="s">
        <v>892</v>
      </c>
      <c r="M29" s="27" t="s">
        <v>1401</v>
      </c>
      <c r="N29" s="27" t="s">
        <v>801</v>
      </c>
      <c r="O29" s="44">
        <v>50</v>
      </c>
    </row>
    <row r="30" spans="1:15" s="8" customFormat="1" ht="26.25" customHeight="1">
      <c r="A30" s="23" t="s">
        <v>866</v>
      </c>
      <c r="B30" s="116" t="s">
        <v>841</v>
      </c>
      <c r="C30" s="117"/>
      <c r="D30" s="129"/>
      <c r="E30" s="129"/>
      <c r="F30" s="129" t="str">
        <f t="shared" si="1"/>
        <v>　</v>
      </c>
      <c r="G30" s="112" t="s">
        <v>895</v>
      </c>
      <c r="H30" s="122" t="s">
        <v>903</v>
      </c>
      <c r="I30" s="25">
        <v>38078</v>
      </c>
      <c r="J30" s="26" t="s">
        <v>1938</v>
      </c>
      <c r="K30" s="27" t="s">
        <v>2085</v>
      </c>
      <c r="L30" s="28" t="s">
        <v>893</v>
      </c>
      <c r="M30" s="27" t="s">
        <v>1402</v>
      </c>
      <c r="N30" s="27" t="s">
        <v>301</v>
      </c>
      <c r="O30" s="44">
        <v>130</v>
      </c>
    </row>
    <row r="31" spans="1:15" s="8" customFormat="1" ht="26.25" customHeight="1">
      <c r="A31" s="23" t="s">
        <v>866</v>
      </c>
      <c r="B31" s="116" t="s">
        <v>2359</v>
      </c>
      <c r="C31" s="117"/>
      <c r="D31" s="129"/>
      <c r="E31" s="129"/>
      <c r="F31" s="129"/>
      <c r="G31" s="112" t="s">
        <v>895</v>
      </c>
      <c r="H31" s="122" t="s">
        <v>903</v>
      </c>
      <c r="I31" s="25">
        <v>42826</v>
      </c>
      <c r="J31" s="26" t="s">
        <v>2358</v>
      </c>
      <c r="K31" s="27" t="s">
        <v>2085</v>
      </c>
      <c r="L31" s="28" t="s">
        <v>2084</v>
      </c>
      <c r="M31" s="27" t="s">
        <v>2086</v>
      </c>
      <c r="N31" s="27" t="s">
        <v>2087</v>
      </c>
      <c r="O31" s="44">
        <v>80</v>
      </c>
    </row>
    <row r="32" spans="1:15" s="31" customFormat="1" ht="26.25" customHeight="1">
      <c r="A32" s="23" t="s">
        <v>866</v>
      </c>
      <c r="B32" s="116" t="s">
        <v>1211</v>
      </c>
      <c r="C32" s="117" t="s">
        <v>1614</v>
      </c>
      <c r="D32" s="129"/>
      <c r="E32" s="129"/>
      <c r="F32" s="129" t="str">
        <f t="shared" si="1"/>
        <v>　</v>
      </c>
      <c r="G32" s="24" t="s">
        <v>895</v>
      </c>
      <c r="H32" s="128" t="s">
        <v>904</v>
      </c>
      <c r="I32" s="25">
        <v>37712</v>
      </c>
      <c r="J32" s="26" t="s">
        <v>2092</v>
      </c>
      <c r="K32" s="27" t="s">
        <v>1403</v>
      </c>
      <c r="L32" s="28" t="s">
        <v>894</v>
      </c>
      <c r="M32" s="27" t="s">
        <v>1404</v>
      </c>
      <c r="N32" s="27" t="s">
        <v>302</v>
      </c>
      <c r="O32" s="44">
        <v>90</v>
      </c>
    </row>
    <row r="33" spans="1:15" s="31" customFormat="1" ht="26.25" customHeight="1">
      <c r="A33" s="1" t="s">
        <v>866</v>
      </c>
      <c r="B33" s="2" t="s">
        <v>1265</v>
      </c>
      <c r="C33" s="167"/>
      <c r="D33" s="3"/>
      <c r="E33" s="3"/>
      <c r="F33" s="129" t="str">
        <f t="shared" si="1"/>
        <v>　</v>
      </c>
      <c r="G33" s="112" t="s">
        <v>895</v>
      </c>
      <c r="H33" s="122" t="s">
        <v>902</v>
      </c>
      <c r="I33" s="4">
        <v>39539</v>
      </c>
      <c r="J33" s="5" t="s">
        <v>579</v>
      </c>
      <c r="K33" s="6" t="s">
        <v>1400</v>
      </c>
      <c r="L33" s="7" t="s">
        <v>892</v>
      </c>
      <c r="M33" s="6" t="s">
        <v>1405</v>
      </c>
      <c r="N33" s="114" t="s">
        <v>801</v>
      </c>
      <c r="O33" s="45">
        <v>90</v>
      </c>
    </row>
    <row r="34" spans="1:15" s="31" customFormat="1" ht="26.25" customHeight="1">
      <c r="A34" s="1" t="s">
        <v>866</v>
      </c>
      <c r="B34" s="2" t="s">
        <v>1280</v>
      </c>
      <c r="C34" s="167"/>
      <c r="D34" s="3"/>
      <c r="E34" s="3"/>
      <c r="F34" s="129" t="str">
        <f t="shared" si="1"/>
        <v>　</v>
      </c>
      <c r="G34" s="112" t="s">
        <v>895</v>
      </c>
      <c r="H34" s="122" t="s">
        <v>904</v>
      </c>
      <c r="I34" s="4">
        <v>40269</v>
      </c>
      <c r="J34" s="5" t="s">
        <v>2627</v>
      </c>
      <c r="K34" s="6" t="s">
        <v>1406</v>
      </c>
      <c r="L34" s="7" t="s">
        <v>1110</v>
      </c>
      <c r="M34" s="6" t="s">
        <v>1407</v>
      </c>
      <c r="N34" s="114" t="s">
        <v>1408</v>
      </c>
      <c r="O34" s="45">
        <v>90</v>
      </c>
    </row>
    <row r="35" spans="1:15" s="31" customFormat="1" ht="26.25" customHeight="1">
      <c r="A35" s="1" t="s">
        <v>866</v>
      </c>
      <c r="B35" s="2" t="s">
        <v>1029</v>
      </c>
      <c r="C35" s="167"/>
      <c r="D35" s="3"/>
      <c r="E35" s="3"/>
      <c r="F35" s="114" t="str">
        <f t="shared" si="1"/>
        <v>　</v>
      </c>
      <c r="G35" s="112" t="s">
        <v>895</v>
      </c>
      <c r="H35" s="122" t="s">
        <v>903</v>
      </c>
      <c r="I35" s="4">
        <v>40634</v>
      </c>
      <c r="J35" s="5" t="s">
        <v>2631</v>
      </c>
      <c r="K35" s="6" t="s">
        <v>1409</v>
      </c>
      <c r="L35" s="7" t="s">
        <v>1030</v>
      </c>
      <c r="M35" s="6" t="s">
        <v>1410</v>
      </c>
      <c r="N35" s="114" t="s">
        <v>1411</v>
      </c>
      <c r="O35" s="45">
        <v>150</v>
      </c>
    </row>
    <row r="36" spans="1:15" s="31" customFormat="1" ht="26.25" customHeight="1">
      <c r="A36" s="23" t="s">
        <v>866</v>
      </c>
      <c r="B36" s="116" t="s">
        <v>1950</v>
      </c>
      <c r="C36" s="117"/>
      <c r="D36" s="129"/>
      <c r="E36" s="129"/>
      <c r="F36" s="129"/>
      <c r="G36" s="24" t="s">
        <v>1948</v>
      </c>
      <c r="H36" s="128" t="s">
        <v>1949</v>
      </c>
      <c r="I36" s="25">
        <v>42080</v>
      </c>
      <c r="J36" s="26" t="s">
        <v>1951</v>
      </c>
      <c r="K36" s="27" t="s">
        <v>1956</v>
      </c>
      <c r="L36" s="28" t="s">
        <v>1952</v>
      </c>
      <c r="M36" s="27" t="s">
        <v>1990</v>
      </c>
      <c r="N36" s="29" t="s">
        <v>1987</v>
      </c>
      <c r="O36" s="44">
        <v>58</v>
      </c>
    </row>
    <row r="37" spans="1:15" s="31" customFormat="1" ht="26.25" customHeight="1">
      <c r="A37" s="23" t="s">
        <v>866</v>
      </c>
      <c r="B37" s="116" t="s">
        <v>1953</v>
      </c>
      <c r="C37" s="117"/>
      <c r="D37" s="129"/>
      <c r="E37" s="129"/>
      <c r="F37" s="129"/>
      <c r="G37" s="24" t="s">
        <v>1345</v>
      </c>
      <c r="H37" s="128" t="s">
        <v>1953</v>
      </c>
      <c r="I37" s="25">
        <v>42083</v>
      </c>
      <c r="J37" s="26" t="s">
        <v>1954</v>
      </c>
      <c r="K37" s="27" t="s">
        <v>1957</v>
      </c>
      <c r="L37" s="28" t="s">
        <v>1955</v>
      </c>
      <c r="M37" s="27" t="s">
        <v>1989</v>
      </c>
      <c r="N37" s="29" t="s">
        <v>1988</v>
      </c>
      <c r="O37" s="44">
        <v>30</v>
      </c>
    </row>
    <row r="38" spans="1:15" s="31" customFormat="1" ht="26.25" customHeight="1">
      <c r="A38" s="23" t="s">
        <v>866</v>
      </c>
      <c r="B38" s="116" t="s">
        <v>2189</v>
      </c>
      <c r="C38" s="117"/>
      <c r="D38" s="129"/>
      <c r="E38" s="129"/>
      <c r="F38" s="129"/>
      <c r="G38" s="24" t="s">
        <v>895</v>
      </c>
      <c r="H38" s="128" t="s">
        <v>2190</v>
      </c>
      <c r="I38" s="25">
        <v>42443</v>
      </c>
      <c r="J38" s="26" t="s">
        <v>2818</v>
      </c>
      <c r="K38" s="27" t="s">
        <v>2192</v>
      </c>
      <c r="L38" s="28" t="s">
        <v>2191</v>
      </c>
      <c r="M38" s="27" t="s">
        <v>2302</v>
      </c>
      <c r="N38" s="29"/>
      <c r="O38" s="44">
        <v>130</v>
      </c>
    </row>
    <row r="39" spans="1:15" s="31" customFormat="1" ht="26.25" customHeight="1">
      <c r="A39" s="32" t="s">
        <v>866</v>
      </c>
      <c r="B39" s="118" t="s">
        <v>2699</v>
      </c>
      <c r="C39" s="119"/>
      <c r="D39" s="33"/>
      <c r="E39" s="33"/>
      <c r="F39" s="33"/>
      <c r="G39" s="34" t="s">
        <v>2700</v>
      </c>
      <c r="H39" s="35" t="s">
        <v>2701</v>
      </c>
      <c r="I39" s="36">
        <v>43550</v>
      </c>
      <c r="J39" s="37" t="s">
        <v>2702</v>
      </c>
      <c r="K39" s="40" t="s">
        <v>2758</v>
      </c>
      <c r="L39" s="177" t="s">
        <v>2718</v>
      </c>
      <c r="M39" s="38" t="s">
        <v>2719</v>
      </c>
      <c r="N39" s="40"/>
      <c r="O39" s="156">
        <v>140</v>
      </c>
    </row>
    <row r="40" spans="1:15" s="8" customFormat="1" ht="26.25" customHeight="1">
      <c r="A40" s="15" t="s">
        <v>1212</v>
      </c>
      <c r="B40" s="16" t="s">
        <v>1213</v>
      </c>
      <c r="C40" s="110"/>
      <c r="D40" s="17"/>
      <c r="E40" s="17"/>
      <c r="F40" s="17" t="str">
        <f t="shared" si="1"/>
        <v>　</v>
      </c>
      <c r="G40" s="113" t="s">
        <v>1612</v>
      </c>
      <c r="H40" s="123" t="s">
        <v>1214</v>
      </c>
      <c r="I40" s="18">
        <v>25051</v>
      </c>
      <c r="J40" s="19" t="s">
        <v>2399</v>
      </c>
      <c r="K40" s="20" t="s">
        <v>1412</v>
      </c>
      <c r="L40" s="21" t="s">
        <v>848</v>
      </c>
      <c r="M40" s="20" t="s">
        <v>303</v>
      </c>
      <c r="N40" s="20" t="s">
        <v>303</v>
      </c>
      <c r="O40" s="153">
        <v>90</v>
      </c>
    </row>
    <row r="41" spans="1:15" s="8" customFormat="1" ht="26.25" customHeight="1">
      <c r="A41" s="23" t="s">
        <v>1212</v>
      </c>
      <c r="B41" s="116" t="s">
        <v>1226</v>
      </c>
      <c r="C41" s="117"/>
      <c r="D41" s="129"/>
      <c r="E41" s="129"/>
      <c r="F41" s="129" t="str">
        <f t="shared" si="1"/>
        <v>　</v>
      </c>
      <c r="G41" s="24" t="s">
        <v>1615</v>
      </c>
      <c r="H41" s="128" t="s">
        <v>1214</v>
      </c>
      <c r="I41" s="25">
        <v>26420</v>
      </c>
      <c r="J41" s="26" t="s">
        <v>2636</v>
      </c>
      <c r="K41" s="27" t="s">
        <v>1413</v>
      </c>
      <c r="L41" s="28" t="s">
        <v>584</v>
      </c>
      <c r="M41" s="27" t="s">
        <v>304</v>
      </c>
      <c r="N41" s="27" t="s">
        <v>304</v>
      </c>
      <c r="O41" s="44">
        <v>80</v>
      </c>
    </row>
    <row r="42" spans="1:15" s="8" customFormat="1" ht="26.25" customHeight="1">
      <c r="A42" s="23" t="s">
        <v>1212</v>
      </c>
      <c r="B42" s="116" t="s">
        <v>1298</v>
      </c>
      <c r="C42" s="117"/>
      <c r="D42" s="129"/>
      <c r="E42" s="129"/>
      <c r="F42" s="129" t="str">
        <f t="shared" si="1"/>
        <v>　</v>
      </c>
      <c r="G42" s="24" t="s">
        <v>1615</v>
      </c>
      <c r="H42" s="128" t="s">
        <v>1214</v>
      </c>
      <c r="I42" s="25">
        <v>24364</v>
      </c>
      <c r="J42" s="26" t="s">
        <v>2799</v>
      </c>
      <c r="K42" s="27" t="s">
        <v>1415</v>
      </c>
      <c r="L42" s="28" t="s">
        <v>586</v>
      </c>
      <c r="M42" s="27" t="s">
        <v>1416</v>
      </c>
      <c r="N42" s="27" t="s">
        <v>306</v>
      </c>
      <c r="O42" s="44">
        <v>100</v>
      </c>
    </row>
    <row r="43" spans="1:15" s="8" customFormat="1" ht="26.25" customHeight="1">
      <c r="A43" s="23" t="s">
        <v>1212</v>
      </c>
      <c r="B43" s="116" t="s">
        <v>2444</v>
      </c>
      <c r="C43" s="117"/>
      <c r="D43" s="129"/>
      <c r="E43" s="129"/>
      <c r="F43" s="129" t="str">
        <f t="shared" si="1"/>
        <v>　</v>
      </c>
      <c r="G43" s="24" t="s">
        <v>1615</v>
      </c>
      <c r="H43" s="128" t="s">
        <v>1214</v>
      </c>
      <c r="I43" s="25">
        <v>27851</v>
      </c>
      <c r="J43" s="26" t="s">
        <v>2801</v>
      </c>
      <c r="K43" s="27" t="s">
        <v>2445</v>
      </c>
      <c r="L43" s="28" t="s">
        <v>2448</v>
      </c>
      <c r="M43" s="27" t="s">
        <v>307</v>
      </c>
      <c r="N43" s="27" t="s">
        <v>307</v>
      </c>
      <c r="O43" s="44">
        <v>180</v>
      </c>
    </row>
    <row r="44" spans="1:15" s="8" customFormat="1" ht="26.25" customHeight="1">
      <c r="A44" s="23" t="s">
        <v>1212</v>
      </c>
      <c r="B44" s="116" t="s">
        <v>1300</v>
      </c>
      <c r="C44" s="117"/>
      <c r="D44" s="129"/>
      <c r="E44" s="129"/>
      <c r="F44" s="129" t="str">
        <f t="shared" si="1"/>
        <v>　</v>
      </c>
      <c r="G44" s="24" t="s">
        <v>1615</v>
      </c>
      <c r="H44" s="128" t="s">
        <v>1214</v>
      </c>
      <c r="I44" s="25">
        <v>29312</v>
      </c>
      <c r="J44" s="26" t="s">
        <v>2800</v>
      </c>
      <c r="K44" s="27" t="s">
        <v>1420</v>
      </c>
      <c r="L44" s="28" t="s">
        <v>588</v>
      </c>
      <c r="M44" s="27" t="s">
        <v>1421</v>
      </c>
      <c r="N44" s="27" t="s">
        <v>1422</v>
      </c>
      <c r="O44" s="44">
        <v>100</v>
      </c>
    </row>
    <row r="45" spans="1:15" s="8" customFormat="1" ht="26.25" customHeight="1">
      <c r="A45" s="23" t="s">
        <v>1212</v>
      </c>
      <c r="B45" s="116" t="s">
        <v>1301</v>
      </c>
      <c r="C45" s="117"/>
      <c r="D45" s="129"/>
      <c r="E45" s="129"/>
      <c r="F45" s="129" t="str">
        <f t="shared" si="1"/>
        <v>　</v>
      </c>
      <c r="G45" s="135" t="s">
        <v>895</v>
      </c>
      <c r="H45" s="144" t="s">
        <v>905</v>
      </c>
      <c r="I45" s="25">
        <v>35886</v>
      </c>
      <c r="J45" s="26" t="s">
        <v>2320</v>
      </c>
      <c r="K45" s="27" t="s">
        <v>1423</v>
      </c>
      <c r="L45" s="28" t="s">
        <v>589</v>
      </c>
      <c r="M45" s="27" t="s">
        <v>1424</v>
      </c>
      <c r="N45" s="27" t="s">
        <v>308</v>
      </c>
      <c r="O45" s="44">
        <v>74</v>
      </c>
    </row>
    <row r="46" spans="1:15" s="8" customFormat="1" ht="26.25" customHeight="1">
      <c r="A46" s="23" t="s">
        <v>1212</v>
      </c>
      <c r="B46" s="116" t="s">
        <v>1703</v>
      </c>
      <c r="C46" s="117"/>
      <c r="D46" s="129"/>
      <c r="E46" s="129"/>
      <c r="F46" s="129" t="str">
        <f t="shared" si="1"/>
        <v>　</v>
      </c>
      <c r="G46" s="136"/>
      <c r="H46" s="145"/>
      <c r="I46" s="25">
        <v>41426</v>
      </c>
      <c r="J46" s="26"/>
      <c r="K46" s="27" t="s">
        <v>1786</v>
      </c>
      <c r="L46" s="28" t="s">
        <v>1787</v>
      </c>
      <c r="M46" s="27"/>
      <c r="N46" s="27"/>
      <c r="O46" s="44" t="s">
        <v>1704</v>
      </c>
    </row>
    <row r="47" spans="1:15" s="8" customFormat="1" ht="26.25" customHeight="1">
      <c r="A47" s="23" t="s">
        <v>1212</v>
      </c>
      <c r="B47" s="116" t="s">
        <v>630</v>
      </c>
      <c r="C47" s="117"/>
      <c r="D47" s="129"/>
      <c r="E47" s="129"/>
      <c r="F47" s="129" t="str">
        <f t="shared" si="1"/>
        <v>　</v>
      </c>
      <c r="G47" s="24" t="s">
        <v>895</v>
      </c>
      <c r="H47" s="128" t="s">
        <v>906</v>
      </c>
      <c r="I47" s="25">
        <v>20911</v>
      </c>
      <c r="J47" s="26" t="s">
        <v>425</v>
      </c>
      <c r="K47" s="27" t="s">
        <v>1413</v>
      </c>
      <c r="L47" s="28" t="s">
        <v>590</v>
      </c>
      <c r="M47" s="27" t="s">
        <v>1425</v>
      </c>
      <c r="N47" s="27" t="s">
        <v>309</v>
      </c>
      <c r="O47" s="44">
        <v>150</v>
      </c>
    </row>
    <row r="48" spans="1:15" s="8" customFormat="1" ht="26.25" customHeight="1">
      <c r="A48" s="23" t="s">
        <v>1212</v>
      </c>
      <c r="B48" s="116" t="s">
        <v>757</v>
      </c>
      <c r="C48" s="117"/>
      <c r="D48" s="129"/>
      <c r="E48" s="129"/>
      <c r="F48" s="129" t="str">
        <f t="shared" si="1"/>
        <v>　</v>
      </c>
      <c r="G48" s="24" t="s">
        <v>895</v>
      </c>
      <c r="H48" s="128" t="s">
        <v>907</v>
      </c>
      <c r="I48" s="25">
        <v>20210</v>
      </c>
      <c r="J48" s="26" t="s">
        <v>2373</v>
      </c>
      <c r="K48" s="27" t="s">
        <v>1414</v>
      </c>
      <c r="L48" s="28" t="s">
        <v>594</v>
      </c>
      <c r="M48" s="27" t="s">
        <v>1426</v>
      </c>
      <c r="N48" s="27" t="s">
        <v>1039</v>
      </c>
      <c r="O48" s="44">
        <v>116</v>
      </c>
    </row>
    <row r="49" spans="1:15" s="8" customFormat="1" ht="26.25" customHeight="1">
      <c r="A49" s="23" t="s">
        <v>1212</v>
      </c>
      <c r="B49" s="116" t="s">
        <v>758</v>
      </c>
      <c r="C49" s="117"/>
      <c r="D49" s="129"/>
      <c r="E49" s="129"/>
      <c r="F49" s="129" t="str">
        <f t="shared" si="1"/>
        <v>　</v>
      </c>
      <c r="G49" s="24" t="s">
        <v>895</v>
      </c>
      <c r="H49" s="128" t="s">
        <v>908</v>
      </c>
      <c r="I49" s="25">
        <v>28946</v>
      </c>
      <c r="J49" s="26" t="s">
        <v>1810</v>
      </c>
      <c r="K49" s="27" t="s">
        <v>1413</v>
      </c>
      <c r="L49" s="28" t="s">
        <v>595</v>
      </c>
      <c r="M49" s="27" t="s">
        <v>1427</v>
      </c>
      <c r="N49" s="29" t="s">
        <v>310</v>
      </c>
      <c r="O49" s="44">
        <v>90</v>
      </c>
    </row>
    <row r="50" spans="1:15" s="8" customFormat="1" ht="26.25" customHeight="1">
      <c r="A50" s="23" t="s">
        <v>1212</v>
      </c>
      <c r="B50" s="116" t="s">
        <v>1616</v>
      </c>
      <c r="C50" s="117"/>
      <c r="D50" s="129"/>
      <c r="E50" s="129"/>
      <c r="F50" s="129" t="str">
        <f t="shared" si="1"/>
        <v>　</v>
      </c>
      <c r="G50" s="24" t="s">
        <v>895</v>
      </c>
      <c r="H50" s="128" t="s">
        <v>909</v>
      </c>
      <c r="I50" s="25">
        <v>34790</v>
      </c>
      <c r="J50" s="26" t="s">
        <v>426</v>
      </c>
      <c r="K50" s="27" t="s">
        <v>1428</v>
      </c>
      <c r="L50" s="28" t="s">
        <v>596</v>
      </c>
      <c r="M50" s="27" t="s">
        <v>1429</v>
      </c>
      <c r="N50" s="27" t="s">
        <v>377</v>
      </c>
      <c r="O50" s="44">
        <v>80</v>
      </c>
    </row>
    <row r="51" spans="1:15" s="8" customFormat="1" ht="26.25" customHeight="1">
      <c r="A51" s="23" t="s">
        <v>1212</v>
      </c>
      <c r="B51" s="116" t="s">
        <v>633</v>
      </c>
      <c r="C51" s="117"/>
      <c r="D51" s="129"/>
      <c r="E51" s="129"/>
      <c r="F51" s="129" t="str">
        <f t="shared" si="1"/>
        <v>　</v>
      </c>
      <c r="G51" s="112" t="s">
        <v>895</v>
      </c>
      <c r="H51" s="122" t="s">
        <v>910</v>
      </c>
      <c r="I51" s="25">
        <v>23974</v>
      </c>
      <c r="J51" s="26" t="s">
        <v>427</v>
      </c>
      <c r="K51" s="27" t="s">
        <v>1428</v>
      </c>
      <c r="L51" s="28" t="s">
        <v>597</v>
      </c>
      <c r="M51" s="27" t="s">
        <v>1430</v>
      </c>
      <c r="N51" s="27" t="s">
        <v>311</v>
      </c>
      <c r="O51" s="44">
        <v>126</v>
      </c>
    </row>
    <row r="52" spans="1:15" s="8" customFormat="1" ht="26.25" customHeight="1">
      <c r="A52" s="23" t="s">
        <v>1212</v>
      </c>
      <c r="B52" s="116" t="s">
        <v>1617</v>
      </c>
      <c r="C52" s="117"/>
      <c r="D52" s="129"/>
      <c r="E52" s="129"/>
      <c r="F52" s="129" t="str">
        <f t="shared" si="1"/>
        <v>　</v>
      </c>
      <c r="G52" s="135" t="s">
        <v>895</v>
      </c>
      <c r="H52" s="144" t="s">
        <v>910</v>
      </c>
      <c r="I52" s="25">
        <v>38078</v>
      </c>
      <c r="J52" s="26" t="s">
        <v>428</v>
      </c>
      <c r="K52" s="27" t="s">
        <v>1428</v>
      </c>
      <c r="L52" s="28" t="s">
        <v>600</v>
      </c>
      <c r="M52" s="27" t="s">
        <v>1431</v>
      </c>
      <c r="N52" s="27" t="s">
        <v>312</v>
      </c>
      <c r="O52" s="44">
        <v>75</v>
      </c>
    </row>
    <row r="53" spans="1:15" s="8" customFormat="1" ht="26.25" customHeight="1">
      <c r="A53" s="23" t="s">
        <v>1212</v>
      </c>
      <c r="B53" s="116" t="s">
        <v>1609</v>
      </c>
      <c r="C53" s="117"/>
      <c r="D53" s="129"/>
      <c r="E53" s="129"/>
      <c r="F53" s="129"/>
      <c r="G53" s="172"/>
      <c r="H53" s="173"/>
      <c r="I53" s="25">
        <v>41365</v>
      </c>
      <c r="J53" s="26" t="s">
        <v>428</v>
      </c>
      <c r="K53" s="27" t="s">
        <v>1428</v>
      </c>
      <c r="L53" s="28" t="s">
        <v>1600</v>
      </c>
      <c r="M53" s="27" t="s">
        <v>1699</v>
      </c>
      <c r="N53" s="43" t="s">
        <v>1700</v>
      </c>
      <c r="O53" s="41" t="s">
        <v>2836</v>
      </c>
    </row>
    <row r="54" spans="1:15" s="8" customFormat="1" ht="26.25" customHeight="1">
      <c r="A54" s="23" t="s">
        <v>1212</v>
      </c>
      <c r="B54" s="116" t="s">
        <v>1264</v>
      </c>
      <c r="C54" s="117"/>
      <c r="D54" s="129"/>
      <c r="E54" s="129"/>
      <c r="F54" s="129" t="str">
        <f t="shared" si="1"/>
        <v>　</v>
      </c>
      <c r="G54" s="24" t="s">
        <v>895</v>
      </c>
      <c r="H54" s="128" t="s">
        <v>911</v>
      </c>
      <c r="I54" s="25">
        <v>38562</v>
      </c>
      <c r="J54" s="26" t="s">
        <v>2573</v>
      </c>
      <c r="K54" s="27" t="s">
        <v>1432</v>
      </c>
      <c r="L54" s="28" t="s">
        <v>1358</v>
      </c>
      <c r="M54" s="27" t="s">
        <v>1433</v>
      </c>
      <c r="N54" s="27" t="s">
        <v>1040</v>
      </c>
      <c r="O54" s="44">
        <v>60</v>
      </c>
    </row>
    <row r="55" spans="1:15" s="8" customFormat="1" ht="26.25" customHeight="1">
      <c r="A55" s="23" t="s">
        <v>1212</v>
      </c>
      <c r="B55" s="116" t="s">
        <v>1299</v>
      </c>
      <c r="C55" s="117"/>
      <c r="D55" s="129"/>
      <c r="E55" s="129"/>
      <c r="F55" s="129" t="str">
        <f t="shared" si="1"/>
        <v>　</v>
      </c>
      <c r="G55" s="24" t="s">
        <v>895</v>
      </c>
      <c r="H55" s="128" t="s">
        <v>942</v>
      </c>
      <c r="I55" s="25">
        <v>39539</v>
      </c>
      <c r="J55" s="26" t="s">
        <v>2319</v>
      </c>
      <c r="K55" s="27" t="s">
        <v>1417</v>
      </c>
      <c r="L55" s="28" t="s">
        <v>587</v>
      </c>
      <c r="M55" s="27" t="s">
        <v>1418</v>
      </c>
      <c r="N55" s="27" t="s">
        <v>1419</v>
      </c>
      <c r="O55" s="44">
        <v>90</v>
      </c>
    </row>
    <row r="56" spans="1:15" s="8" customFormat="1" ht="26.25" customHeight="1">
      <c r="A56" s="23" t="s">
        <v>1212</v>
      </c>
      <c r="B56" s="116" t="s">
        <v>210</v>
      </c>
      <c r="C56" s="117"/>
      <c r="D56" s="129"/>
      <c r="E56" s="129"/>
      <c r="F56" s="129" t="str">
        <f t="shared" si="1"/>
        <v>　</v>
      </c>
      <c r="G56" s="24" t="s">
        <v>895</v>
      </c>
      <c r="H56" s="128" t="s">
        <v>211</v>
      </c>
      <c r="I56" s="25">
        <v>40634</v>
      </c>
      <c r="J56" s="26" t="s">
        <v>2572</v>
      </c>
      <c r="K56" s="27" t="s">
        <v>1436</v>
      </c>
      <c r="L56" s="28" t="s">
        <v>1057</v>
      </c>
      <c r="M56" s="27" t="s">
        <v>1437</v>
      </c>
      <c r="N56" s="27" t="s">
        <v>1438</v>
      </c>
      <c r="O56" s="44">
        <v>60</v>
      </c>
    </row>
    <row r="57" spans="1:15" s="8" customFormat="1" ht="26.25" customHeight="1">
      <c r="A57" s="1" t="s">
        <v>1212</v>
      </c>
      <c r="B57" s="2" t="s">
        <v>1058</v>
      </c>
      <c r="C57" s="167" t="s">
        <v>337</v>
      </c>
      <c r="D57" s="3"/>
      <c r="E57" s="3" t="s">
        <v>337</v>
      </c>
      <c r="F57" s="129" t="str">
        <f t="shared" si="1"/>
        <v>　</v>
      </c>
      <c r="G57" s="112" t="s">
        <v>580</v>
      </c>
      <c r="H57" s="122" t="s">
        <v>1017</v>
      </c>
      <c r="I57" s="4">
        <v>40634</v>
      </c>
      <c r="J57" s="5" t="s">
        <v>429</v>
      </c>
      <c r="K57" s="6" t="s">
        <v>1413</v>
      </c>
      <c r="L57" s="7" t="s">
        <v>1360</v>
      </c>
      <c r="M57" s="6" t="s">
        <v>1439</v>
      </c>
      <c r="N57" s="6" t="s">
        <v>1440</v>
      </c>
      <c r="O57" s="44">
        <v>170</v>
      </c>
    </row>
    <row r="58" spans="1:15" s="8" customFormat="1" ht="26.25" customHeight="1">
      <c r="A58" s="1" t="s">
        <v>1212</v>
      </c>
      <c r="B58" s="2" t="s">
        <v>1490</v>
      </c>
      <c r="C58" s="167"/>
      <c r="D58" s="3"/>
      <c r="E58" s="3"/>
      <c r="F58" s="129" t="str">
        <f t="shared" si="1"/>
        <v>　</v>
      </c>
      <c r="G58" s="112" t="s">
        <v>895</v>
      </c>
      <c r="H58" s="122" t="s">
        <v>911</v>
      </c>
      <c r="I58" s="4">
        <v>41000</v>
      </c>
      <c r="J58" s="5" t="s">
        <v>430</v>
      </c>
      <c r="K58" s="6" t="s">
        <v>1415</v>
      </c>
      <c r="L58" s="7" t="s">
        <v>1359</v>
      </c>
      <c r="M58" s="6" t="s">
        <v>1434</v>
      </c>
      <c r="N58" s="6" t="s">
        <v>1435</v>
      </c>
      <c r="O58" s="45">
        <v>80</v>
      </c>
    </row>
    <row r="59" spans="1:15" s="8" customFormat="1" ht="26.25" customHeight="1">
      <c r="A59" s="23" t="s">
        <v>1212</v>
      </c>
      <c r="B59" s="116" t="s">
        <v>1163</v>
      </c>
      <c r="C59" s="117"/>
      <c r="D59" s="129"/>
      <c r="E59" s="129"/>
      <c r="F59" s="129" t="str">
        <f t="shared" si="1"/>
        <v>　</v>
      </c>
      <c r="G59" s="24" t="s">
        <v>895</v>
      </c>
      <c r="H59" s="128" t="s">
        <v>539</v>
      </c>
      <c r="I59" s="25">
        <v>41000</v>
      </c>
      <c r="J59" s="26" t="s">
        <v>431</v>
      </c>
      <c r="K59" s="27" t="s">
        <v>1236</v>
      </c>
      <c r="L59" s="28" t="s">
        <v>585</v>
      </c>
      <c r="M59" s="27" t="s">
        <v>305</v>
      </c>
      <c r="N59" s="27" t="s">
        <v>305</v>
      </c>
      <c r="O59" s="44">
        <v>110</v>
      </c>
    </row>
    <row r="60" spans="1:15" s="8" customFormat="1" ht="26.25" customHeight="1">
      <c r="A60" s="23" t="s">
        <v>1212</v>
      </c>
      <c r="B60" s="126" t="s">
        <v>671</v>
      </c>
      <c r="C60" s="117"/>
      <c r="D60" s="129"/>
      <c r="E60" s="129"/>
      <c r="F60" s="29" t="str">
        <f t="shared" ref="F60" si="2">IF(O60="","",IF(O60&lt;60,"○","　"))</f>
        <v>○</v>
      </c>
      <c r="G60" s="24" t="s">
        <v>580</v>
      </c>
      <c r="H60" s="128" t="s">
        <v>1244</v>
      </c>
      <c r="I60" s="25">
        <v>41346</v>
      </c>
      <c r="J60" s="26" t="s">
        <v>2321</v>
      </c>
      <c r="K60" s="27" t="s">
        <v>1413</v>
      </c>
      <c r="L60" s="28" t="s">
        <v>1245</v>
      </c>
      <c r="M60" s="27" t="s">
        <v>1604</v>
      </c>
      <c r="N60" s="27" t="s">
        <v>1605</v>
      </c>
      <c r="O60" s="44">
        <v>45</v>
      </c>
    </row>
    <row r="61" spans="1:15" s="42" customFormat="1" ht="26.25" customHeight="1">
      <c r="A61" s="47" t="s">
        <v>1212</v>
      </c>
      <c r="B61" s="48" t="s">
        <v>1839</v>
      </c>
      <c r="C61" s="168"/>
      <c r="D61" s="49"/>
      <c r="E61" s="49"/>
      <c r="F61" s="125" t="str">
        <f t="shared" si="1"/>
        <v>　</v>
      </c>
      <c r="G61" s="124" t="s">
        <v>895</v>
      </c>
      <c r="H61" s="50" t="s">
        <v>1840</v>
      </c>
      <c r="I61" s="51">
        <v>41880</v>
      </c>
      <c r="J61" s="52" t="s">
        <v>1841</v>
      </c>
      <c r="K61" s="43" t="s">
        <v>1843</v>
      </c>
      <c r="L61" s="53" t="s">
        <v>1842</v>
      </c>
      <c r="M61" s="43" t="s">
        <v>1844</v>
      </c>
      <c r="N61" s="43" t="s">
        <v>1845</v>
      </c>
      <c r="O61" s="54">
        <v>60</v>
      </c>
    </row>
    <row r="62" spans="1:15" s="42" customFormat="1" ht="26.25" customHeight="1">
      <c r="A62" s="23" t="s">
        <v>1212</v>
      </c>
      <c r="B62" s="126" t="s">
        <v>1892</v>
      </c>
      <c r="C62" s="117"/>
      <c r="D62" s="129"/>
      <c r="E62" s="129"/>
      <c r="F62" s="29" t="str">
        <f t="shared" ref="F62:F63" si="3">IF(O62="","",IF(O62&lt;60,"○","　"))</f>
        <v>○</v>
      </c>
      <c r="G62" s="24" t="s">
        <v>895</v>
      </c>
      <c r="H62" s="128" t="s">
        <v>1893</v>
      </c>
      <c r="I62" s="25">
        <v>42093</v>
      </c>
      <c r="J62" s="26" t="s">
        <v>2795</v>
      </c>
      <c r="K62" s="27" t="s">
        <v>1958</v>
      </c>
      <c r="L62" s="28" t="s">
        <v>1894</v>
      </c>
      <c r="M62" s="27" t="s">
        <v>2052</v>
      </c>
      <c r="N62" s="27"/>
      <c r="O62" s="44">
        <v>50</v>
      </c>
    </row>
    <row r="63" spans="1:15" s="42" customFormat="1" ht="26.25" customHeight="1">
      <c r="A63" s="23" t="s">
        <v>1212</v>
      </c>
      <c r="B63" s="126" t="s">
        <v>1895</v>
      </c>
      <c r="C63" s="117"/>
      <c r="D63" s="129"/>
      <c r="E63" s="129"/>
      <c r="F63" s="29" t="str">
        <f t="shared" si="3"/>
        <v>○</v>
      </c>
      <c r="G63" s="24" t="s">
        <v>1638</v>
      </c>
      <c r="H63" s="128" t="s">
        <v>1896</v>
      </c>
      <c r="I63" s="25">
        <v>42094</v>
      </c>
      <c r="J63" s="26" t="s">
        <v>1897</v>
      </c>
      <c r="K63" s="27" t="s">
        <v>1959</v>
      </c>
      <c r="L63" s="28" t="s">
        <v>1898</v>
      </c>
      <c r="M63" s="27" t="s">
        <v>2053</v>
      </c>
      <c r="N63" s="27"/>
      <c r="O63" s="44">
        <v>25</v>
      </c>
    </row>
    <row r="64" spans="1:15" s="42" customFormat="1" ht="26.25" customHeight="1">
      <c r="A64" s="55" t="s">
        <v>1212</v>
      </c>
      <c r="B64" s="92" t="s">
        <v>2210</v>
      </c>
      <c r="C64" s="169"/>
      <c r="D64" s="56"/>
      <c r="E64" s="56"/>
      <c r="F64" s="108" t="str">
        <f t="shared" ref="F64:F66" si="4">IF(O64="","",IF(O64&lt;60,"○","　"))</f>
        <v>　</v>
      </c>
      <c r="G64" s="57" t="s">
        <v>895</v>
      </c>
      <c r="H64" s="58" t="s">
        <v>910</v>
      </c>
      <c r="I64" s="59">
        <v>42460</v>
      </c>
      <c r="J64" s="60" t="s">
        <v>2211</v>
      </c>
      <c r="K64" s="61" t="s">
        <v>2213</v>
      </c>
      <c r="L64" s="62" t="s">
        <v>2212</v>
      </c>
      <c r="M64" s="61" t="s">
        <v>2251</v>
      </c>
      <c r="N64" s="61" t="s">
        <v>2252</v>
      </c>
      <c r="O64" s="93">
        <v>90</v>
      </c>
    </row>
    <row r="65" spans="1:15" s="98" customFormat="1" ht="26.25" customHeight="1">
      <c r="A65" s="47" t="s">
        <v>1212</v>
      </c>
      <c r="B65" s="48" t="s">
        <v>2484</v>
      </c>
      <c r="C65" s="168"/>
      <c r="D65" s="49"/>
      <c r="E65" s="49"/>
      <c r="F65" s="49" t="str">
        <f t="shared" si="4"/>
        <v>○</v>
      </c>
      <c r="G65" s="124" t="s">
        <v>895</v>
      </c>
      <c r="H65" s="50" t="s">
        <v>2485</v>
      </c>
      <c r="I65" s="51">
        <v>43186</v>
      </c>
      <c r="J65" s="52" t="s">
        <v>2637</v>
      </c>
      <c r="K65" s="43" t="s">
        <v>2766</v>
      </c>
      <c r="L65" s="53" t="s">
        <v>2486</v>
      </c>
      <c r="M65" s="105"/>
      <c r="N65" s="105"/>
      <c r="O65" s="54">
        <v>50</v>
      </c>
    </row>
    <row r="66" spans="1:15" s="98" customFormat="1" ht="26.25" customHeight="1">
      <c r="A66" s="32" t="s">
        <v>1212</v>
      </c>
      <c r="B66" s="184" t="s">
        <v>2720</v>
      </c>
      <c r="C66" s="185"/>
      <c r="D66" s="40"/>
      <c r="E66" s="40"/>
      <c r="F66" s="40" t="str">
        <f t="shared" si="4"/>
        <v>　</v>
      </c>
      <c r="G66" s="34" t="s">
        <v>895</v>
      </c>
      <c r="H66" s="35" t="s">
        <v>919</v>
      </c>
      <c r="I66" s="36">
        <v>43551</v>
      </c>
      <c r="J66" s="37" t="s">
        <v>2722</v>
      </c>
      <c r="K66" s="38" t="s">
        <v>2723</v>
      </c>
      <c r="L66" s="39" t="s">
        <v>2721</v>
      </c>
      <c r="M66" s="186"/>
      <c r="N66" s="186"/>
      <c r="O66" s="156">
        <v>96</v>
      </c>
    </row>
    <row r="67" spans="1:15" s="8" customFormat="1" ht="26.25" customHeight="1">
      <c r="A67" s="15" t="s">
        <v>852</v>
      </c>
      <c r="B67" s="16" t="s">
        <v>853</v>
      </c>
      <c r="C67" s="110"/>
      <c r="D67" s="17"/>
      <c r="E67" s="17"/>
      <c r="F67" s="17" t="str">
        <f t="shared" si="1"/>
        <v>　</v>
      </c>
      <c r="G67" s="113" t="s">
        <v>1612</v>
      </c>
      <c r="H67" s="123" t="s">
        <v>855</v>
      </c>
      <c r="I67" s="18">
        <v>28246</v>
      </c>
      <c r="J67" s="19" t="s">
        <v>2405</v>
      </c>
      <c r="K67" s="20" t="s">
        <v>1441</v>
      </c>
      <c r="L67" s="21" t="s">
        <v>1270</v>
      </c>
      <c r="M67" s="20" t="s">
        <v>1442</v>
      </c>
      <c r="N67" s="20" t="s">
        <v>313</v>
      </c>
      <c r="O67" s="153">
        <v>82</v>
      </c>
    </row>
    <row r="68" spans="1:15" s="8" customFormat="1" ht="26.25" customHeight="1">
      <c r="A68" s="23" t="s">
        <v>852</v>
      </c>
      <c r="B68" s="116" t="s">
        <v>1271</v>
      </c>
      <c r="C68" s="117"/>
      <c r="D68" s="129"/>
      <c r="E68" s="129"/>
      <c r="F68" s="129" t="str">
        <f t="shared" si="1"/>
        <v>　</v>
      </c>
      <c r="G68" s="24" t="s">
        <v>1618</v>
      </c>
      <c r="H68" s="128" t="s">
        <v>855</v>
      </c>
      <c r="I68" s="25">
        <v>23529</v>
      </c>
      <c r="J68" s="26" t="s">
        <v>2401</v>
      </c>
      <c r="K68" s="27" t="s">
        <v>1443</v>
      </c>
      <c r="L68" s="28" t="s">
        <v>602</v>
      </c>
      <c r="M68" s="27" t="s">
        <v>1444</v>
      </c>
      <c r="N68" s="27" t="s">
        <v>314</v>
      </c>
      <c r="O68" s="44">
        <v>110</v>
      </c>
    </row>
    <row r="69" spans="1:15" s="8" customFormat="1" ht="26.25" customHeight="1">
      <c r="A69" s="23" t="s">
        <v>852</v>
      </c>
      <c r="B69" s="116" t="s">
        <v>1272</v>
      </c>
      <c r="C69" s="117"/>
      <c r="D69" s="129"/>
      <c r="E69" s="129"/>
      <c r="F69" s="129" t="str">
        <f t="shared" si="1"/>
        <v>　</v>
      </c>
      <c r="G69" s="24" t="s">
        <v>1618</v>
      </c>
      <c r="H69" s="128" t="s">
        <v>855</v>
      </c>
      <c r="I69" s="25">
        <v>24228</v>
      </c>
      <c r="J69" s="26" t="s">
        <v>2403</v>
      </c>
      <c r="K69" s="27" t="s">
        <v>1445</v>
      </c>
      <c r="L69" s="28" t="s">
        <v>603</v>
      </c>
      <c r="M69" s="27" t="s">
        <v>1446</v>
      </c>
      <c r="N69" s="27" t="s">
        <v>315</v>
      </c>
      <c r="O69" s="44">
        <v>120</v>
      </c>
    </row>
    <row r="70" spans="1:15" s="8" customFormat="1" ht="26.25" customHeight="1">
      <c r="A70" s="23" t="s">
        <v>852</v>
      </c>
      <c r="B70" s="116" t="s">
        <v>1273</v>
      </c>
      <c r="C70" s="117"/>
      <c r="D70" s="129"/>
      <c r="E70" s="129"/>
      <c r="F70" s="129" t="str">
        <f t="shared" si="1"/>
        <v>　</v>
      </c>
      <c r="G70" s="24" t="s">
        <v>1618</v>
      </c>
      <c r="H70" s="128" t="s">
        <v>855</v>
      </c>
      <c r="I70" s="25">
        <v>27120</v>
      </c>
      <c r="J70" s="26" t="s">
        <v>1750</v>
      </c>
      <c r="K70" s="27" t="s">
        <v>1445</v>
      </c>
      <c r="L70" s="28" t="s">
        <v>604</v>
      </c>
      <c r="M70" s="27" t="s">
        <v>1447</v>
      </c>
      <c r="N70" s="27" t="s">
        <v>316</v>
      </c>
      <c r="O70" s="44">
        <v>60</v>
      </c>
    </row>
    <row r="71" spans="1:15" s="8" customFormat="1" ht="26.25" customHeight="1">
      <c r="A71" s="23" t="s">
        <v>852</v>
      </c>
      <c r="B71" s="116" t="s">
        <v>767</v>
      </c>
      <c r="C71" s="117"/>
      <c r="D71" s="129"/>
      <c r="E71" s="129"/>
      <c r="F71" s="129" t="str">
        <f t="shared" si="1"/>
        <v>　</v>
      </c>
      <c r="G71" s="24" t="s">
        <v>1618</v>
      </c>
      <c r="H71" s="128" t="s">
        <v>855</v>
      </c>
      <c r="I71" s="25">
        <v>19146</v>
      </c>
      <c r="J71" s="26" t="s">
        <v>2309</v>
      </c>
      <c r="K71" s="27" t="s">
        <v>1448</v>
      </c>
      <c r="L71" s="28" t="s">
        <v>605</v>
      </c>
      <c r="M71" s="27" t="s">
        <v>1449</v>
      </c>
      <c r="N71" s="27" t="s">
        <v>317</v>
      </c>
      <c r="O71" s="44">
        <v>180</v>
      </c>
    </row>
    <row r="72" spans="1:15" s="8" customFormat="1" ht="26.25" customHeight="1">
      <c r="A72" s="23" t="s">
        <v>852</v>
      </c>
      <c r="B72" s="116" t="s">
        <v>768</v>
      </c>
      <c r="C72" s="117"/>
      <c r="D72" s="129"/>
      <c r="E72" s="129"/>
      <c r="F72" s="129" t="str">
        <f t="shared" si="1"/>
        <v>　</v>
      </c>
      <c r="G72" s="24" t="s">
        <v>1618</v>
      </c>
      <c r="H72" s="128" t="s">
        <v>855</v>
      </c>
      <c r="I72" s="25">
        <v>26390</v>
      </c>
      <c r="J72" s="26" t="s">
        <v>2828</v>
      </c>
      <c r="K72" s="27" t="s">
        <v>1450</v>
      </c>
      <c r="L72" s="28" t="s">
        <v>606</v>
      </c>
      <c r="M72" s="27" t="s">
        <v>1451</v>
      </c>
      <c r="N72" s="27" t="s">
        <v>318</v>
      </c>
      <c r="O72" s="44">
        <v>120</v>
      </c>
    </row>
    <row r="73" spans="1:15" s="8" customFormat="1" ht="26.25" customHeight="1">
      <c r="A73" s="23" t="s">
        <v>852</v>
      </c>
      <c r="B73" s="116" t="s">
        <v>769</v>
      </c>
      <c r="C73" s="117"/>
      <c r="D73" s="129"/>
      <c r="E73" s="129"/>
      <c r="F73" s="129" t="str">
        <f t="shared" si="1"/>
        <v>　</v>
      </c>
      <c r="G73" s="24" t="s">
        <v>1618</v>
      </c>
      <c r="H73" s="128" t="s">
        <v>855</v>
      </c>
      <c r="I73" s="25">
        <v>23924</v>
      </c>
      <c r="J73" s="26" t="s">
        <v>2406</v>
      </c>
      <c r="K73" s="27" t="s">
        <v>1452</v>
      </c>
      <c r="L73" s="28" t="s">
        <v>607</v>
      </c>
      <c r="M73" s="27" t="s">
        <v>1453</v>
      </c>
      <c r="N73" s="27" t="s">
        <v>319</v>
      </c>
      <c r="O73" s="44">
        <v>120</v>
      </c>
    </row>
    <row r="74" spans="1:15" s="8" customFormat="1" ht="26.25" customHeight="1">
      <c r="A74" s="23" t="s">
        <v>852</v>
      </c>
      <c r="B74" s="116" t="s">
        <v>772</v>
      </c>
      <c r="C74" s="117"/>
      <c r="D74" s="129"/>
      <c r="E74" s="129"/>
      <c r="F74" s="129" t="str">
        <f t="shared" si="1"/>
        <v>　</v>
      </c>
      <c r="G74" s="24" t="s">
        <v>1618</v>
      </c>
      <c r="H74" s="128" t="s">
        <v>855</v>
      </c>
      <c r="I74" s="25">
        <v>18780</v>
      </c>
      <c r="J74" s="26" t="s">
        <v>2400</v>
      </c>
      <c r="K74" s="27" t="s">
        <v>1454</v>
      </c>
      <c r="L74" s="28" t="s">
        <v>608</v>
      </c>
      <c r="M74" s="27" t="s">
        <v>1455</v>
      </c>
      <c r="N74" s="27" t="s">
        <v>320</v>
      </c>
      <c r="O74" s="44">
        <v>180</v>
      </c>
    </row>
    <row r="75" spans="1:15" s="8" customFormat="1" ht="26.25" customHeight="1">
      <c r="A75" s="23" t="s">
        <v>852</v>
      </c>
      <c r="B75" s="116" t="s">
        <v>773</v>
      </c>
      <c r="C75" s="117"/>
      <c r="D75" s="129"/>
      <c r="E75" s="129"/>
      <c r="F75" s="129" t="str">
        <f t="shared" si="1"/>
        <v>　</v>
      </c>
      <c r="G75" s="24" t="s">
        <v>1618</v>
      </c>
      <c r="H75" s="128" t="s">
        <v>855</v>
      </c>
      <c r="I75" s="25">
        <v>24959</v>
      </c>
      <c r="J75" s="26" t="s">
        <v>2308</v>
      </c>
      <c r="K75" s="27" t="s">
        <v>1456</v>
      </c>
      <c r="L75" s="28" t="s">
        <v>609</v>
      </c>
      <c r="M75" s="27" t="s">
        <v>1457</v>
      </c>
      <c r="N75" s="27" t="s">
        <v>321</v>
      </c>
      <c r="O75" s="44">
        <v>90</v>
      </c>
    </row>
    <row r="76" spans="1:15" s="8" customFormat="1" ht="26.25" customHeight="1">
      <c r="A76" s="23" t="s">
        <v>852</v>
      </c>
      <c r="B76" s="116" t="s">
        <v>774</v>
      </c>
      <c r="C76" s="117"/>
      <c r="D76" s="129"/>
      <c r="E76" s="129"/>
      <c r="F76" s="129" t="str">
        <f t="shared" si="1"/>
        <v>　</v>
      </c>
      <c r="G76" s="24" t="s">
        <v>1618</v>
      </c>
      <c r="H76" s="128" t="s">
        <v>855</v>
      </c>
      <c r="I76" s="25">
        <v>26785</v>
      </c>
      <c r="J76" s="26" t="s">
        <v>2404</v>
      </c>
      <c r="K76" s="27" t="s">
        <v>1458</v>
      </c>
      <c r="L76" s="28" t="s">
        <v>610</v>
      </c>
      <c r="M76" s="27" t="s">
        <v>1459</v>
      </c>
      <c r="N76" s="27" t="s">
        <v>322</v>
      </c>
      <c r="O76" s="44">
        <v>120</v>
      </c>
    </row>
    <row r="77" spans="1:15" s="8" customFormat="1" ht="26.25" customHeight="1">
      <c r="A77" s="23" t="s">
        <v>852</v>
      </c>
      <c r="B77" s="116" t="s">
        <v>860</v>
      </c>
      <c r="C77" s="117"/>
      <c r="D77" s="129"/>
      <c r="E77" s="129"/>
      <c r="F77" s="129" t="str">
        <f t="shared" si="1"/>
        <v>　</v>
      </c>
      <c r="G77" s="24" t="s">
        <v>1618</v>
      </c>
      <c r="H77" s="128" t="s">
        <v>855</v>
      </c>
      <c r="I77" s="25">
        <v>27973</v>
      </c>
      <c r="J77" s="26" t="s">
        <v>2310</v>
      </c>
      <c r="K77" s="27" t="s">
        <v>1460</v>
      </c>
      <c r="L77" s="28" t="s">
        <v>2656</v>
      </c>
      <c r="M77" s="27" t="s">
        <v>1461</v>
      </c>
      <c r="N77" s="27" t="s">
        <v>323</v>
      </c>
      <c r="O77" s="44">
        <v>120</v>
      </c>
    </row>
    <row r="78" spans="1:15" s="8" customFormat="1" ht="26.25" customHeight="1">
      <c r="A78" s="23" t="s">
        <v>852</v>
      </c>
      <c r="B78" s="116" t="s">
        <v>861</v>
      </c>
      <c r="C78" s="117"/>
      <c r="D78" s="129"/>
      <c r="E78" s="129"/>
      <c r="F78" s="129" t="str">
        <f t="shared" si="1"/>
        <v>　</v>
      </c>
      <c r="G78" s="24" t="s">
        <v>1618</v>
      </c>
      <c r="H78" s="128" t="s">
        <v>855</v>
      </c>
      <c r="I78" s="25">
        <v>28611</v>
      </c>
      <c r="J78" s="26" t="s">
        <v>2407</v>
      </c>
      <c r="K78" s="27" t="s">
        <v>1458</v>
      </c>
      <c r="L78" s="28" t="s">
        <v>2311</v>
      </c>
      <c r="M78" s="27" t="s">
        <v>1462</v>
      </c>
      <c r="N78" s="27" t="s">
        <v>324</v>
      </c>
      <c r="O78" s="44">
        <v>140</v>
      </c>
    </row>
    <row r="79" spans="1:15" s="8" customFormat="1" ht="26.25" customHeight="1">
      <c r="A79" s="23" t="s">
        <v>852</v>
      </c>
      <c r="B79" s="116" t="s">
        <v>834</v>
      </c>
      <c r="C79" s="117"/>
      <c r="D79" s="129"/>
      <c r="E79" s="129"/>
      <c r="F79" s="129" t="str">
        <f t="shared" si="1"/>
        <v>　</v>
      </c>
      <c r="G79" s="24" t="s">
        <v>1618</v>
      </c>
      <c r="H79" s="128" t="s">
        <v>855</v>
      </c>
      <c r="I79" s="25">
        <v>28976</v>
      </c>
      <c r="J79" s="26" t="s">
        <v>2402</v>
      </c>
      <c r="K79" s="27" t="s">
        <v>1463</v>
      </c>
      <c r="L79" s="28" t="s">
        <v>611</v>
      </c>
      <c r="M79" s="27" t="s">
        <v>1464</v>
      </c>
      <c r="N79" s="27" t="s">
        <v>325</v>
      </c>
      <c r="O79" s="44">
        <v>120</v>
      </c>
    </row>
    <row r="80" spans="1:15" s="8" customFormat="1" ht="26.25" customHeight="1">
      <c r="A80" s="23" t="s">
        <v>852</v>
      </c>
      <c r="B80" s="116" t="s">
        <v>1230</v>
      </c>
      <c r="C80" s="117"/>
      <c r="D80" s="129"/>
      <c r="E80" s="129"/>
      <c r="F80" s="129" t="str">
        <f t="shared" si="1"/>
        <v>　</v>
      </c>
      <c r="G80" s="24" t="s">
        <v>1618</v>
      </c>
      <c r="H80" s="128" t="s">
        <v>855</v>
      </c>
      <c r="I80" s="25">
        <v>29342</v>
      </c>
      <c r="J80" s="26" t="s">
        <v>2829</v>
      </c>
      <c r="K80" s="27" t="s">
        <v>1465</v>
      </c>
      <c r="L80" s="28" t="s">
        <v>612</v>
      </c>
      <c r="M80" s="27" t="s">
        <v>1466</v>
      </c>
      <c r="N80" s="27" t="s">
        <v>326</v>
      </c>
      <c r="O80" s="44">
        <v>120</v>
      </c>
    </row>
    <row r="81" spans="1:15" s="8" customFormat="1" ht="26.25" customHeight="1">
      <c r="A81" s="23" t="s">
        <v>852</v>
      </c>
      <c r="B81" s="116" t="s">
        <v>1231</v>
      </c>
      <c r="C81" s="117"/>
      <c r="D81" s="129"/>
      <c r="E81" s="129"/>
      <c r="F81" s="129" t="str">
        <f t="shared" si="1"/>
        <v>　</v>
      </c>
      <c r="G81" s="24" t="s">
        <v>1618</v>
      </c>
      <c r="H81" s="128" t="s">
        <v>855</v>
      </c>
      <c r="I81" s="25">
        <v>30072</v>
      </c>
      <c r="J81" s="26" t="s">
        <v>740</v>
      </c>
      <c r="K81" s="27" t="s">
        <v>1467</v>
      </c>
      <c r="L81" s="28" t="s">
        <v>613</v>
      </c>
      <c r="M81" s="27" t="s">
        <v>1468</v>
      </c>
      <c r="N81" s="27" t="s">
        <v>327</v>
      </c>
      <c r="O81" s="44">
        <v>120</v>
      </c>
    </row>
    <row r="82" spans="1:15" s="8" customFormat="1" ht="26.25" customHeight="1">
      <c r="A82" s="23" t="s">
        <v>852</v>
      </c>
      <c r="B82" s="116" t="s">
        <v>862</v>
      </c>
      <c r="C82" s="117"/>
      <c r="D82" s="129"/>
      <c r="E82" s="129"/>
      <c r="F82" s="129" t="str">
        <f t="shared" si="1"/>
        <v>　</v>
      </c>
      <c r="G82" s="24" t="s">
        <v>895</v>
      </c>
      <c r="H82" s="128" t="s">
        <v>912</v>
      </c>
      <c r="I82" s="25">
        <v>39539</v>
      </c>
      <c r="J82" s="26" t="s">
        <v>432</v>
      </c>
      <c r="K82" s="27" t="s">
        <v>1469</v>
      </c>
      <c r="L82" s="28" t="s">
        <v>614</v>
      </c>
      <c r="M82" s="27" t="s">
        <v>1470</v>
      </c>
      <c r="N82" s="27" t="s">
        <v>328</v>
      </c>
      <c r="O82" s="44">
        <v>114</v>
      </c>
    </row>
    <row r="83" spans="1:15" s="8" customFormat="1" ht="26.25" customHeight="1">
      <c r="A83" s="23" t="s">
        <v>852</v>
      </c>
      <c r="B83" s="116" t="s">
        <v>1201</v>
      </c>
      <c r="C83" s="117"/>
      <c r="D83" s="129"/>
      <c r="E83" s="129"/>
      <c r="F83" s="129" t="str">
        <f t="shared" si="1"/>
        <v>　</v>
      </c>
      <c r="G83" s="135" t="s">
        <v>895</v>
      </c>
      <c r="H83" s="144" t="s">
        <v>913</v>
      </c>
      <c r="I83" s="25">
        <v>29312</v>
      </c>
      <c r="J83" s="26" t="s">
        <v>433</v>
      </c>
      <c r="K83" s="27" t="s">
        <v>1441</v>
      </c>
      <c r="L83" s="28" t="s">
        <v>615</v>
      </c>
      <c r="M83" s="27" t="s">
        <v>1471</v>
      </c>
      <c r="N83" s="27" t="s">
        <v>329</v>
      </c>
      <c r="O83" s="44">
        <v>247</v>
      </c>
    </row>
    <row r="84" spans="1:15" s="42" customFormat="1" ht="26.25" customHeight="1">
      <c r="A84" s="23" t="s">
        <v>852</v>
      </c>
      <c r="B84" s="116" t="s">
        <v>1019</v>
      </c>
      <c r="C84" s="117"/>
      <c r="D84" s="129"/>
      <c r="E84" s="129"/>
      <c r="F84" s="129" t="str">
        <f t="shared" si="1"/>
        <v>　</v>
      </c>
      <c r="G84" s="136"/>
      <c r="H84" s="145"/>
      <c r="I84" s="25">
        <v>38078</v>
      </c>
      <c r="J84" s="26" t="s">
        <v>433</v>
      </c>
      <c r="K84" s="27" t="s">
        <v>1441</v>
      </c>
      <c r="L84" s="28" t="s">
        <v>616</v>
      </c>
      <c r="M84" s="27" t="s">
        <v>1472</v>
      </c>
      <c r="N84" s="27" t="s">
        <v>330</v>
      </c>
      <c r="O84" s="44" t="s">
        <v>1619</v>
      </c>
    </row>
    <row r="85" spans="1:15" s="8" customFormat="1" ht="26.25" customHeight="1">
      <c r="A85" s="23" t="s">
        <v>852</v>
      </c>
      <c r="B85" s="116" t="s">
        <v>1232</v>
      </c>
      <c r="C85" s="117"/>
      <c r="D85" s="129"/>
      <c r="E85" s="129"/>
      <c r="F85" s="129" t="str">
        <f t="shared" si="1"/>
        <v>　</v>
      </c>
      <c r="G85" s="24" t="s">
        <v>895</v>
      </c>
      <c r="H85" s="128" t="s">
        <v>914</v>
      </c>
      <c r="I85" s="25">
        <v>28703</v>
      </c>
      <c r="J85" s="26" t="s">
        <v>434</v>
      </c>
      <c r="K85" s="27" t="s">
        <v>1473</v>
      </c>
      <c r="L85" s="28" t="s">
        <v>1302</v>
      </c>
      <c r="M85" s="27" t="s">
        <v>1474</v>
      </c>
      <c r="N85" s="27" t="s">
        <v>331</v>
      </c>
      <c r="O85" s="44">
        <v>126</v>
      </c>
    </row>
    <row r="86" spans="1:15" s="8" customFormat="1" ht="26.25" customHeight="1">
      <c r="A86" s="23" t="s">
        <v>852</v>
      </c>
      <c r="B86" s="116" t="s">
        <v>1277</v>
      </c>
      <c r="C86" s="117"/>
      <c r="D86" s="129"/>
      <c r="E86" s="129"/>
      <c r="F86" s="129" t="str">
        <f t="shared" si="1"/>
        <v>　</v>
      </c>
      <c r="G86" s="135" t="s">
        <v>895</v>
      </c>
      <c r="H86" s="144" t="s">
        <v>915</v>
      </c>
      <c r="I86" s="25">
        <v>22313</v>
      </c>
      <c r="J86" s="26" t="s">
        <v>2255</v>
      </c>
      <c r="K86" s="27" t="s">
        <v>1475</v>
      </c>
      <c r="L86" s="28" t="s">
        <v>1303</v>
      </c>
      <c r="M86" s="27" t="s">
        <v>1476</v>
      </c>
      <c r="N86" s="27" t="s">
        <v>332</v>
      </c>
      <c r="O86" s="44">
        <v>210</v>
      </c>
    </row>
    <row r="87" spans="1:15" s="91" customFormat="1" ht="26.25" customHeight="1">
      <c r="A87" s="23" t="s">
        <v>852</v>
      </c>
      <c r="B87" s="116" t="s">
        <v>2619</v>
      </c>
      <c r="C87" s="117"/>
      <c r="D87" s="129"/>
      <c r="E87" s="129"/>
      <c r="F87" s="129"/>
      <c r="G87" s="136"/>
      <c r="H87" s="145"/>
      <c r="I87" s="25">
        <v>43191</v>
      </c>
      <c r="J87" s="26" t="s">
        <v>2255</v>
      </c>
      <c r="K87" s="27"/>
      <c r="L87" s="28" t="s">
        <v>2620</v>
      </c>
      <c r="M87" s="27"/>
      <c r="N87" s="27"/>
      <c r="O87" s="41" t="s">
        <v>2838</v>
      </c>
    </row>
    <row r="88" spans="1:15" s="8" customFormat="1" ht="26.25" customHeight="1">
      <c r="A88" s="23" t="s">
        <v>852</v>
      </c>
      <c r="B88" s="116" t="s">
        <v>1278</v>
      </c>
      <c r="C88" s="117"/>
      <c r="D88" s="129"/>
      <c r="E88" s="129"/>
      <c r="F88" s="129" t="str">
        <f t="shared" si="1"/>
        <v>　</v>
      </c>
      <c r="G88" s="24" t="s">
        <v>895</v>
      </c>
      <c r="H88" s="128" t="s">
        <v>916</v>
      </c>
      <c r="I88" s="25">
        <v>26755</v>
      </c>
      <c r="J88" s="26" t="s">
        <v>2256</v>
      </c>
      <c r="K88" s="27" t="s">
        <v>1477</v>
      </c>
      <c r="L88" s="28" t="s">
        <v>1304</v>
      </c>
      <c r="M88" s="27" t="s">
        <v>1478</v>
      </c>
      <c r="N88" s="27" t="s">
        <v>333</v>
      </c>
      <c r="O88" s="44">
        <v>105</v>
      </c>
    </row>
    <row r="89" spans="1:15" s="8" customFormat="1" ht="26.25" customHeight="1">
      <c r="A89" s="23" t="s">
        <v>852</v>
      </c>
      <c r="B89" s="116" t="s">
        <v>1279</v>
      </c>
      <c r="C89" s="117"/>
      <c r="D89" s="129"/>
      <c r="E89" s="129"/>
      <c r="F89" s="129" t="str">
        <f t="shared" si="1"/>
        <v>　</v>
      </c>
      <c r="G89" s="24" t="s">
        <v>895</v>
      </c>
      <c r="H89" s="128" t="s">
        <v>917</v>
      </c>
      <c r="I89" s="25">
        <v>23382</v>
      </c>
      <c r="J89" s="26" t="s">
        <v>435</v>
      </c>
      <c r="K89" s="27" t="s">
        <v>1479</v>
      </c>
      <c r="L89" s="28" t="s">
        <v>1305</v>
      </c>
      <c r="M89" s="27" t="s">
        <v>1497</v>
      </c>
      <c r="N89" s="27" t="s">
        <v>334</v>
      </c>
      <c r="O89" s="44">
        <v>120</v>
      </c>
    </row>
    <row r="90" spans="1:15" s="8" customFormat="1" ht="26.25" customHeight="1">
      <c r="A90" s="23" t="s">
        <v>852</v>
      </c>
      <c r="B90" s="116" t="s">
        <v>1284</v>
      </c>
      <c r="C90" s="167"/>
      <c r="D90" s="3"/>
      <c r="E90" s="3"/>
      <c r="F90" s="129" t="str">
        <f t="shared" si="1"/>
        <v>　</v>
      </c>
      <c r="G90" s="135" t="s">
        <v>895</v>
      </c>
      <c r="H90" s="144" t="s">
        <v>918</v>
      </c>
      <c r="I90" s="25">
        <v>26024</v>
      </c>
      <c r="J90" s="26" t="s">
        <v>2322</v>
      </c>
      <c r="K90" s="27" t="s">
        <v>1498</v>
      </c>
      <c r="L90" s="28" t="s">
        <v>1306</v>
      </c>
      <c r="M90" s="27" t="s">
        <v>1499</v>
      </c>
      <c r="N90" s="27" t="s">
        <v>335</v>
      </c>
      <c r="O90" s="44">
        <v>229</v>
      </c>
    </row>
    <row r="91" spans="1:15" s="98" customFormat="1" ht="26.25" customHeight="1">
      <c r="A91" s="23" t="s">
        <v>852</v>
      </c>
      <c r="B91" s="116" t="s">
        <v>2614</v>
      </c>
      <c r="C91" s="117"/>
      <c r="D91" s="17"/>
      <c r="E91" s="17"/>
      <c r="F91" s="129" t="str">
        <f t="shared" si="1"/>
        <v>　</v>
      </c>
      <c r="G91" s="146"/>
      <c r="H91" s="174"/>
      <c r="I91" s="25">
        <v>43191</v>
      </c>
      <c r="J91" s="26" t="s">
        <v>2323</v>
      </c>
      <c r="K91" s="27"/>
      <c r="L91" s="28" t="s">
        <v>2615</v>
      </c>
      <c r="M91" s="27"/>
      <c r="N91" s="27"/>
      <c r="O91" s="41" t="s">
        <v>2847</v>
      </c>
    </row>
    <row r="92" spans="1:15" s="98" customFormat="1" ht="26.25" customHeight="1">
      <c r="A92" s="23" t="s">
        <v>852</v>
      </c>
      <c r="B92" s="130" t="s">
        <v>2724</v>
      </c>
      <c r="C92" s="131"/>
      <c r="D92" s="17"/>
      <c r="E92" s="17"/>
      <c r="F92" s="129" t="str">
        <f t="shared" si="1"/>
        <v>　</v>
      </c>
      <c r="G92" s="136"/>
      <c r="H92" s="145"/>
      <c r="I92" s="25">
        <v>43550</v>
      </c>
      <c r="J92" s="26" t="s">
        <v>2726</v>
      </c>
      <c r="K92" s="27" t="s">
        <v>2727</v>
      </c>
      <c r="L92" s="28" t="s">
        <v>2725</v>
      </c>
      <c r="M92" s="27"/>
      <c r="N92" s="27"/>
      <c r="O92" s="44" t="s">
        <v>2745</v>
      </c>
    </row>
    <row r="93" spans="1:15" s="8" customFormat="1" ht="26.25" customHeight="1">
      <c r="A93" s="23" t="s">
        <v>852</v>
      </c>
      <c r="B93" s="116" t="s">
        <v>839</v>
      </c>
      <c r="C93" s="117"/>
      <c r="D93" s="129"/>
      <c r="E93" s="129"/>
      <c r="F93" s="129" t="str">
        <f t="shared" si="1"/>
        <v>　</v>
      </c>
      <c r="G93" s="24" t="s">
        <v>895</v>
      </c>
      <c r="H93" s="128" t="s">
        <v>919</v>
      </c>
      <c r="I93" s="25">
        <v>26390</v>
      </c>
      <c r="J93" s="26" t="s">
        <v>406</v>
      </c>
      <c r="K93" s="27" t="s">
        <v>1500</v>
      </c>
      <c r="L93" s="28" t="s">
        <v>1307</v>
      </c>
      <c r="M93" s="27" t="s">
        <v>1501</v>
      </c>
      <c r="N93" s="27" t="s">
        <v>339</v>
      </c>
      <c r="O93" s="44">
        <v>143</v>
      </c>
    </row>
    <row r="94" spans="1:15" s="8" customFormat="1" ht="26.25" customHeight="1">
      <c r="A94" s="23" t="s">
        <v>852</v>
      </c>
      <c r="B94" s="116" t="s">
        <v>619</v>
      </c>
      <c r="C94" s="117"/>
      <c r="D94" s="129"/>
      <c r="E94" s="129"/>
      <c r="F94" s="129" t="str">
        <f t="shared" si="1"/>
        <v>　</v>
      </c>
      <c r="G94" s="24" t="s">
        <v>895</v>
      </c>
      <c r="H94" s="128" t="s">
        <v>916</v>
      </c>
      <c r="I94" s="25">
        <v>28338</v>
      </c>
      <c r="J94" s="26" t="s">
        <v>436</v>
      </c>
      <c r="K94" s="27" t="s">
        <v>1450</v>
      </c>
      <c r="L94" s="28" t="s">
        <v>1308</v>
      </c>
      <c r="M94" s="27" t="s">
        <v>1502</v>
      </c>
      <c r="N94" s="27" t="s">
        <v>344</v>
      </c>
      <c r="O94" s="44">
        <v>120</v>
      </c>
    </row>
    <row r="95" spans="1:15" s="8" customFormat="1" ht="26.25" customHeight="1">
      <c r="A95" s="23" t="s">
        <v>852</v>
      </c>
      <c r="B95" s="116" t="s">
        <v>620</v>
      </c>
      <c r="C95" s="117"/>
      <c r="D95" s="129"/>
      <c r="E95" s="129"/>
      <c r="F95" s="129" t="str">
        <f t="shared" si="1"/>
        <v>　</v>
      </c>
      <c r="G95" s="24" t="s">
        <v>895</v>
      </c>
      <c r="H95" s="128" t="s">
        <v>912</v>
      </c>
      <c r="I95" s="25">
        <v>39539</v>
      </c>
      <c r="J95" s="26" t="s">
        <v>437</v>
      </c>
      <c r="K95" s="27" t="s">
        <v>1473</v>
      </c>
      <c r="L95" s="28" t="s">
        <v>1309</v>
      </c>
      <c r="M95" s="27" t="s">
        <v>1503</v>
      </c>
      <c r="N95" s="27" t="s">
        <v>345</v>
      </c>
      <c r="O95" s="44">
        <v>114</v>
      </c>
    </row>
    <row r="96" spans="1:15" s="8" customFormat="1" ht="26.25" customHeight="1">
      <c r="A96" s="23" t="s">
        <v>852</v>
      </c>
      <c r="B96" s="116" t="s">
        <v>621</v>
      </c>
      <c r="C96" s="117"/>
      <c r="D96" s="129"/>
      <c r="E96" s="129"/>
      <c r="F96" s="129" t="str">
        <f t="shared" si="1"/>
        <v>　</v>
      </c>
      <c r="G96" s="24" t="s">
        <v>895</v>
      </c>
      <c r="H96" s="128" t="s">
        <v>920</v>
      </c>
      <c r="I96" s="25">
        <v>19515</v>
      </c>
      <c r="J96" s="26" t="s">
        <v>2493</v>
      </c>
      <c r="K96" s="27" t="s">
        <v>1620</v>
      </c>
      <c r="L96" s="28" t="s">
        <v>1310</v>
      </c>
      <c r="M96" s="27" t="s">
        <v>1504</v>
      </c>
      <c r="N96" s="27" t="s">
        <v>346</v>
      </c>
      <c r="O96" s="44">
        <v>90</v>
      </c>
    </row>
    <row r="97" spans="1:15" s="8" customFormat="1" ht="26.25" customHeight="1">
      <c r="A97" s="23" t="s">
        <v>852</v>
      </c>
      <c r="B97" s="116" t="s">
        <v>622</v>
      </c>
      <c r="C97" s="117"/>
      <c r="D97" s="129"/>
      <c r="E97" s="129"/>
      <c r="F97" s="129" t="str">
        <f t="shared" ref="F97:F191" si="5">IF(O97="","",IF(O97&lt;60,"○","　"))</f>
        <v>　</v>
      </c>
      <c r="G97" s="24" t="s">
        <v>895</v>
      </c>
      <c r="H97" s="128" t="s">
        <v>921</v>
      </c>
      <c r="I97" s="25">
        <v>27120</v>
      </c>
      <c r="J97" s="26" t="s">
        <v>2674</v>
      </c>
      <c r="K97" s="27" t="s">
        <v>1505</v>
      </c>
      <c r="L97" s="28" t="s">
        <v>2673</v>
      </c>
      <c r="M97" s="27" t="s">
        <v>1506</v>
      </c>
      <c r="N97" s="27" t="s">
        <v>347</v>
      </c>
      <c r="O97" s="44">
        <v>120</v>
      </c>
    </row>
    <row r="98" spans="1:15" s="8" customFormat="1" ht="26.25" customHeight="1">
      <c r="A98" s="23" t="s">
        <v>852</v>
      </c>
      <c r="B98" s="116" t="s">
        <v>623</v>
      </c>
      <c r="C98" s="117"/>
      <c r="D98" s="129"/>
      <c r="E98" s="129"/>
      <c r="F98" s="129" t="str">
        <f t="shared" si="5"/>
        <v>　</v>
      </c>
      <c r="G98" s="24" t="s">
        <v>895</v>
      </c>
      <c r="H98" s="128" t="s">
        <v>922</v>
      </c>
      <c r="I98" s="25">
        <v>27485</v>
      </c>
      <c r="J98" s="26" t="s">
        <v>2257</v>
      </c>
      <c r="K98" s="27" t="s">
        <v>1507</v>
      </c>
      <c r="L98" s="28" t="s">
        <v>1311</v>
      </c>
      <c r="M98" s="27" t="s">
        <v>1508</v>
      </c>
      <c r="N98" s="27" t="s">
        <v>348</v>
      </c>
      <c r="O98" s="44">
        <v>126</v>
      </c>
    </row>
    <row r="99" spans="1:15" s="8" customFormat="1" ht="26.25" customHeight="1">
      <c r="A99" s="23" t="s">
        <v>852</v>
      </c>
      <c r="B99" s="116" t="s">
        <v>782</v>
      </c>
      <c r="C99" s="117"/>
      <c r="D99" s="129"/>
      <c r="E99" s="129"/>
      <c r="F99" s="129" t="str">
        <f t="shared" si="5"/>
        <v>　</v>
      </c>
      <c r="G99" s="24" t="s">
        <v>895</v>
      </c>
      <c r="H99" s="128" t="s">
        <v>923</v>
      </c>
      <c r="I99" s="25">
        <v>28946</v>
      </c>
      <c r="J99" s="26" t="s">
        <v>438</v>
      </c>
      <c r="K99" s="27" t="s">
        <v>1469</v>
      </c>
      <c r="L99" s="28" t="s">
        <v>1312</v>
      </c>
      <c r="M99" s="27" t="s">
        <v>1509</v>
      </c>
      <c r="N99" s="27" t="s">
        <v>349</v>
      </c>
      <c r="O99" s="44">
        <v>125</v>
      </c>
    </row>
    <row r="100" spans="1:15" s="8" customFormat="1" ht="26.25" customHeight="1">
      <c r="A100" s="23" t="s">
        <v>852</v>
      </c>
      <c r="B100" s="116" t="s">
        <v>783</v>
      </c>
      <c r="C100" s="117"/>
      <c r="D100" s="129"/>
      <c r="E100" s="129"/>
      <c r="F100" s="129" t="str">
        <f t="shared" si="5"/>
        <v>　</v>
      </c>
      <c r="G100" s="24" t="s">
        <v>895</v>
      </c>
      <c r="H100" s="128" t="s">
        <v>924</v>
      </c>
      <c r="I100" s="25">
        <v>29677</v>
      </c>
      <c r="J100" s="26" t="s">
        <v>439</v>
      </c>
      <c r="K100" s="27" t="s">
        <v>1510</v>
      </c>
      <c r="L100" s="28" t="s">
        <v>1313</v>
      </c>
      <c r="M100" s="27" t="s">
        <v>1511</v>
      </c>
      <c r="N100" s="27" t="s">
        <v>350</v>
      </c>
      <c r="O100" s="44">
        <v>128</v>
      </c>
    </row>
    <row r="101" spans="1:15" s="8" customFormat="1" ht="26.25" customHeight="1">
      <c r="A101" s="23" t="s">
        <v>852</v>
      </c>
      <c r="B101" s="116" t="s">
        <v>784</v>
      </c>
      <c r="C101" s="117"/>
      <c r="D101" s="129"/>
      <c r="E101" s="129"/>
      <c r="F101" s="129" t="str">
        <f t="shared" si="5"/>
        <v>　</v>
      </c>
      <c r="G101" s="135" t="s">
        <v>895</v>
      </c>
      <c r="H101" s="144" t="s">
        <v>925</v>
      </c>
      <c r="I101" s="25">
        <v>36815</v>
      </c>
      <c r="J101" s="26" t="s">
        <v>440</v>
      </c>
      <c r="K101" s="27" t="s">
        <v>1512</v>
      </c>
      <c r="L101" s="28" t="s">
        <v>1314</v>
      </c>
      <c r="M101" s="27" t="s">
        <v>1513</v>
      </c>
      <c r="N101" s="27" t="s">
        <v>1514</v>
      </c>
      <c r="O101" s="44">
        <v>150</v>
      </c>
    </row>
    <row r="102" spans="1:15" s="8" customFormat="1" ht="26.25" customHeight="1">
      <c r="A102" s="23" t="s">
        <v>852</v>
      </c>
      <c r="B102" s="116" t="s">
        <v>888</v>
      </c>
      <c r="C102" s="117"/>
      <c r="D102" s="129"/>
      <c r="E102" s="129"/>
      <c r="F102" s="129" t="str">
        <f t="shared" si="5"/>
        <v>　</v>
      </c>
      <c r="G102" s="136"/>
      <c r="H102" s="145"/>
      <c r="I102" s="25">
        <v>41030</v>
      </c>
      <c r="J102" s="26" t="s">
        <v>1701</v>
      </c>
      <c r="K102" s="27" t="s">
        <v>1512</v>
      </c>
      <c r="L102" s="28" t="s">
        <v>889</v>
      </c>
      <c r="M102" s="29" t="s">
        <v>1621</v>
      </c>
      <c r="N102" s="29" t="s">
        <v>1622</v>
      </c>
      <c r="O102" s="41" t="s">
        <v>2839</v>
      </c>
    </row>
    <row r="103" spans="1:15" s="31" customFormat="1" ht="26.25" customHeight="1">
      <c r="A103" s="23" t="s">
        <v>852</v>
      </c>
      <c r="B103" s="116" t="s">
        <v>1281</v>
      </c>
      <c r="C103" s="117" t="s">
        <v>1623</v>
      </c>
      <c r="D103" s="129"/>
      <c r="E103" s="129"/>
      <c r="F103" s="129"/>
      <c r="G103" s="24" t="s">
        <v>601</v>
      </c>
      <c r="H103" s="128" t="s">
        <v>1025</v>
      </c>
      <c r="I103" s="25">
        <v>37347</v>
      </c>
      <c r="J103" s="26" t="s">
        <v>2825</v>
      </c>
      <c r="K103" s="27" t="s">
        <v>1477</v>
      </c>
      <c r="L103" s="28" t="s">
        <v>964</v>
      </c>
      <c r="M103" s="27" t="s">
        <v>583</v>
      </c>
      <c r="N103" s="27" t="s">
        <v>1515</v>
      </c>
      <c r="O103" s="44">
        <v>41</v>
      </c>
    </row>
    <row r="104" spans="1:15" s="8" customFormat="1" ht="26.25" customHeight="1">
      <c r="A104" s="23" t="s">
        <v>852</v>
      </c>
      <c r="B104" s="116" t="s">
        <v>785</v>
      </c>
      <c r="C104" s="117"/>
      <c r="D104" s="129"/>
      <c r="E104" s="129"/>
      <c r="F104" s="129" t="str">
        <f t="shared" si="5"/>
        <v>　</v>
      </c>
      <c r="G104" s="24" t="s">
        <v>895</v>
      </c>
      <c r="H104" s="128" t="s">
        <v>924</v>
      </c>
      <c r="I104" s="25">
        <v>37712</v>
      </c>
      <c r="J104" s="26" t="s">
        <v>2259</v>
      </c>
      <c r="K104" s="27" t="s">
        <v>1458</v>
      </c>
      <c r="L104" s="28" t="s">
        <v>1315</v>
      </c>
      <c r="M104" s="27" t="s">
        <v>1516</v>
      </c>
      <c r="N104" s="27" t="s">
        <v>351</v>
      </c>
      <c r="O104" s="44">
        <v>60</v>
      </c>
    </row>
    <row r="105" spans="1:15" s="8" customFormat="1" ht="26.25" customHeight="1">
      <c r="A105" s="23" t="s">
        <v>852</v>
      </c>
      <c r="B105" s="116" t="s">
        <v>1056</v>
      </c>
      <c r="C105" s="117"/>
      <c r="D105" s="129"/>
      <c r="E105" s="129"/>
      <c r="F105" s="129" t="str">
        <f t="shared" si="5"/>
        <v>　</v>
      </c>
      <c r="G105" s="135" t="s">
        <v>895</v>
      </c>
      <c r="H105" s="144" t="s">
        <v>926</v>
      </c>
      <c r="I105" s="25">
        <v>39083</v>
      </c>
      <c r="J105" s="26" t="s">
        <v>2626</v>
      </c>
      <c r="K105" s="27" t="s">
        <v>1517</v>
      </c>
      <c r="L105" s="28" t="s">
        <v>1316</v>
      </c>
      <c r="M105" s="27" t="s">
        <v>1518</v>
      </c>
      <c r="N105" s="27" t="s">
        <v>1519</v>
      </c>
      <c r="O105" s="44">
        <v>142</v>
      </c>
    </row>
    <row r="106" spans="1:15" s="8" customFormat="1" ht="26.25" customHeight="1">
      <c r="A106" s="23" t="s">
        <v>852</v>
      </c>
      <c r="B106" s="116" t="s">
        <v>1610</v>
      </c>
      <c r="C106" s="117"/>
      <c r="D106" s="129"/>
      <c r="E106" s="129"/>
      <c r="F106" s="129" t="str">
        <f t="shared" si="5"/>
        <v>　</v>
      </c>
      <c r="G106" s="136"/>
      <c r="H106" s="145"/>
      <c r="I106" s="25">
        <v>40634</v>
      </c>
      <c r="J106" s="26" t="s">
        <v>2626</v>
      </c>
      <c r="K106" s="27" t="s">
        <v>1517</v>
      </c>
      <c r="L106" s="28" t="s">
        <v>943</v>
      </c>
      <c r="M106" s="27" t="s">
        <v>1520</v>
      </c>
      <c r="N106" s="27" t="s">
        <v>1521</v>
      </c>
      <c r="O106" s="44" t="s">
        <v>1624</v>
      </c>
    </row>
    <row r="107" spans="1:15" s="8" customFormat="1" ht="26.25" customHeight="1">
      <c r="A107" s="23" t="s">
        <v>852</v>
      </c>
      <c r="B107" s="116" t="s">
        <v>340</v>
      </c>
      <c r="C107" s="117"/>
      <c r="D107" s="129"/>
      <c r="E107" s="129"/>
      <c r="F107" s="129" t="str">
        <f t="shared" si="5"/>
        <v>　</v>
      </c>
      <c r="G107" s="24" t="s">
        <v>895</v>
      </c>
      <c r="H107" s="128" t="s">
        <v>1107</v>
      </c>
      <c r="I107" s="25">
        <v>40269</v>
      </c>
      <c r="J107" s="26" t="s">
        <v>2809</v>
      </c>
      <c r="K107" s="27" t="s">
        <v>1522</v>
      </c>
      <c r="L107" s="28" t="s">
        <v>1108</v>
      </c>
      <c r="M107" s="27" t="s">
        <v>1523</v>
      </c>
      <c r="N107" s="27" t="s">
        <v>1524</v>
      </c>
      <c r="O107" s="44">
        <v>60</v>
      </c>
    </row>
    <row r="108" spans="1:15" s="8" customFormat="1" ht="26.25" customHeight="1">
      <c r="A108" s="23" t="s">
        <v>852</v>
      </c>
      <c r="B108" s="116" t="s">
        <v>215</v>
      </c>
      <c r="C108" s="117"/>
      <c r="D108" s="129"/>
      <c r="E108" s="129"/>
      <c r="F108" s="129" t="str">
        <f t="shared" si="5"/>
        <v>　</v>
      </c>
      <c r="G108" s="24" t="s">
        <v>895</v>
      </c>
      <c r="H108" s="128" t="s">
        <v>216</v>
      </c>
      <c r="I108" s="25">
        <v>40634</v>
      </c>
      <c r="J108" s="26" t="s">
        <v>1800</v>
      </c>
      <c r="K108" s="27" t="s">
        <v>1467</v>
      </c>
      <c r="L108" s="28" t="s">
        <v>1525</v>
      </c>
      <c r="M108" s="27" t="s">
        <v>1526</v>
      </c>
      <c r="N108" s="27" t="s">
        <v>1626</v>
      </c>
      <c r="O108" s="44">
        <v>200</v>
      </c>
    </row>
    <row r="109" spans="1:15" s="8" customFormat="1" ht="26.25" customHeight="1">
      <c r="A109" s="47" t="s">
        <v>852</v>
      </c>
      <c r="B109" s="63" t="s">
        <v>1353</v>
      </c>
      <c r="C109" s="168"/>
      <c r="D109" s="49"/>
      <c r="E109" s="49"/>
      <c r="F109" s="17" t="str">
        <f t="shared" si="5"/>
        <v>　</v>
      </c>
      <c r="G109" s="124" t="s">
        <v>895</v>
      </c>
      <c r="H109" s="50" t="s">
        <v>926</v>
      </c>
      <c r="I109" s="51">
        <v>40634</v>
      </c>
      <c r="J109" s="52" t="s">
        <v>1606</v>
      </c>
      <c r="K109" s="43" t="s">
        <v>1527</v>
      </c>
      <c r="L109" s="53" t="s">
        <v>1702</v>
      </c>
      <c r="M109" s="43" t="s">
        <v>1528</v>
      </c>
      <c r="N109" s="43" t="s">
        <v>1529</v>
      </c>
      <c r="O109" s="54">
        <v>230</v>
      </c>
    </row>
    <row r="110" spans="1:15" s="8" customFormat="1" ht="26.25" customHeight="1">
      <c r="A110" s="23" t="s">
        <v>852</v>
      </c>
      <c r="B110" s="116" t="s">
        <v>113</v>
      </c>
      <c r="C110" s="117"/>
      <c r="D110" s="129"/>
      <c r="E110" s="129"/>
      <c r="F110" s="129" t="str">
        <f t="shared" si="5"/>
        <v>　</v>
      </c>
      <c r="G110" s="24" t="s">
        <v>895</v>
      </c>
      <c r="H110" s="128" t="s">
        <v>1627</v>
      </c>
      <c r="I110" s="25">
        <v>41180</v>
      </c>
      <c r="J110" s="26" t="s">
        <v>2374</v>
      </c>
      <c r="K110" s="27" t="s">
        <v>1628</v>
      </c>
      <c r="L110" s="28" t="s">
        <v>2654</v>
      </c>
      <c r="M110" s="29" t="s">
        <v>1629</v>
      </c>
      <c r="N110" s="27" t="s">
        <v>1630</v>
      </c>
      <c r="O110" s="44">
        <v>140</v>
      </c>
    </row>
    <row r="111" spans="1:15" s="8" customFormat="1" ht="26.25" customHeight="1">
      <c r="A111" s="47" t="s">
        <v>852</v>
      </c>
      <c r="B111" s="63" t="s">
        <v>2676</v>
      </c>
      <c r="C111" s="168"/>
      <c r="D111" s="114"/>
      <c r="E111" s="3"/>
      <c r="F111" s="3" t="str">
        <f t="shared" si="5"/>
        <v>　</v>
      </c>
      <c r="G111" s="124" t="s">
        <v>580</v>
      </c>
      <c r="H111" s="50" t="s">
        <v>1017</v>
      </c>
      <c r="I111" s="51">
        <v>41358</v>
      </c>
      <c r="J111" s="52" t="s">
        <v>2416</v>
      </c>
      <c r="K111" s="43" t="s">
        <v>1631</v>
      </c>
      <c r="L111" s="53" t="s">
        <v>2653</v>
      </c>
      <c r="M111" s="125" t="s">
        <v>1632</v>
      </c>
      <c r="N111" s="125" t="s">
        <v>1633</v>
      </c>
      <c r="O111" s="54">
        <v>140</v>
      </c>
    </row>
    <row r="112" spans="1:15" s="8" customFormat="1" ht="26.25" customHeight="1">
      <c r="A112" s="1" t="s">
        <v>1751</v>
      </c>
      <c r="B112" s="2" t="s">
        <v>1752</v>
      </c>
      <c r="C112" s="167"/>
      <c r="D112" s="3"/>
      <c r="E112" s="3"/>
      <c r="F112" s="3" t="str">
        <f t="shared" si="5"/>
        <v>　</v>
      </c>
      <c r="G112" s="112" t="s">
        <v>1753</v>
      </c>
      <c r="H112" s="122" t="s">
        <v>1754</v>
      </c>
      <c r="I112" s="4">
        <v>41486</v>
      </c>
      <c r="J112" s="5" t="s">
        <v>2682</v>
      </c>
      <c r="K112" s="6" t="s">
        <v>1762</v>
      </c>
      <c r="L112" s="7" t="s">
        <v>1755</v>
      </c>
      <c r="M112" s="114" t="s">
        <v>1771</v>
      </c>
      <c r="N112" s="114" t="s">
        <v>1771</v>
      </c>
      <c r="O112" s="45">
        <v>70</v>
      </c>
    </row>
    <row r="113" spans="1:15" s="8" customFormat="1" ht="26.25" customHeight="1">
      <c r="A113" s="1" t="s">
        <v>852</v>
      </c>
      <c r="B113" s="2" t="s">
        <v>1756</v>
      </c>
      <c r="C113" s="167"/>
      <c r="D113" s="3"/>
      <c r="E113" s="3"/>
      <c r="F113" s="3" t="str">
        <f t="shared" si="5"/>
        <v>　</v>
      </c>
      <c r="G113" s="112" t="s">
        <v>1753</v>
      </c>
      <c r="H113" s="122" t="s">
        <v>2477</v>
      </c>
      <c r="I113" s="4">
        <v>41578</v>
      </c>
      <c r="J113" s="5" t="s">
        <v>1757</v>
      </c>
      <c r="K113" s="6" t="s">
        <v>1763</v>
      </c>
      <c r="L113" s="7" t="s">
        <v>1758</v>
      </c>
      <c r="M113" s="114" t="s">
        <v>1772</v>
      </c>
      <c r="N113" s="114" t="s">
        <v>1773</v>
      </c>
      <c r="O113" s="45">
        <v>80</v>
      </c>
    </row>
    <row r="114" spans="1:15" s="8" customFormat="1" ht="26.25" customHeight="1">
      <c r="A114" s="1" t="s">
        <v>852</v>
      </c>
      <c r="B114" s="2" t="s">
        <v>1824</v>
      </c>
      <c r="C114" s="167"/>
      <c r="D114" s="3"/>
      <c r="E114" s="3"/>
      <c r="F114" s="3" t="str">
        <f t="shared" ref="F114" si="6">IF(O114="","",IF(O114&lt;60,"○","　"))</f>
        <v>　</v>
      </c>
      <c r="G114" s="112" t="s">
        <v>1345</v>
      </c>
      <c r="H114" s="122" t="s">
        <v>2478</v>
      </c>
      <c r="I114" s="4">
        <v>41911</v>
      </c>
      <c r="J114" s="5" t="s">
        <v>2375</v>
      </c>
      <c r="K114" s="6" t="s">
        <v>1825</v>
      </c>
      <c r="L114" s="7" t="s">
        <v>1826</v>
      </c>
      <c r="M114" s="114" t="s">
        <v>1827</v>
      </c>
      <c r="N114" s="114" t="s">
        <v>1828</v>
      </c>
      <c r="O114" s="45">
        <v>80</v>
      </c>
    </row>
    <row r="115" spans="1:15" s="8" customFormat="1" ht="26.25" customHeight="1">
      <c r="A115" s="23" t="s">
        <v>1823</v>
      </c>
      <c r="B115" s="116" t="s">
        <v>1834</v>
      </c>
      <c r="C115" s="117"/>
      <c r="D115" s="129"/>
      <c r="E115" s="129"/>
      <c r="F115" s="129" t="str">
        <f t="shared" si="5"/>
        <v>○</v>
      </c>
      <c r="G115" s="24" t="s">
        <v>601</v>
      </c>
      <c r="H115" s="128" t="s">
        <v>1835</v>
      </c>
      <c r="I115" s="25">
        <v>41911</v>
      </c>
      <c r="J115" s="26" t="s">
        <v>2258</v>
      </c>
      <c r="K115" s="27" t="s">
        <v>1837</v>
      </c>
      <c r="L115" s="28" t="s">
        <v>1836</v>
      </c>
      <c r="M115" s="29" t="s">
        <v>1838</v>
      </c>
      <c r="N115" s="29" t="s">
        <v>1846</v>
      </c>
      <c r="O115" s="44">
        <v>50</v>
      </c>
    </row>
    <row r="116" spans="1:15" s="8" customFormat="1" ht="26.25" customHeight="1">
      <c r="A116" s="1" t="s">
        <v>1850</v>
      </c>
      <c r="B116" s="2" t="s">
        <v>1851</v>
      </c>
      <c r="C116" s="167"/>
      <c r="D116" s="3"/>
      <c r="E116" s="3"/>
      <c r="F116" s="3" t="str">
        <f t="shared" si="5"/>
        <v>　</v>
      </c>
      <c r="G116" s="112" t="s">
        <v>1854</v>
      </c>
      <c r="H116" s="122" t="s">
        <v>1853</v>
      </c>
      <c r="I116" s="4">
        <v>41942</v>
      </c>
      <c r="J116" s="5" t="s">
        <v>1852</v>
      </c>
      <c r="K116" s="6" t="s">
        <v>1857</v>
      </c>
      <c r="L116" s="7" t="s">
        <v>1855</v>
      </c>
      <c r="M116" s="114" t="s">
        <v>1856</v>
      </c>
      <c r="N116" s="114" t="s">
        <v>1858</v>
      </c>
      <c r="O116" s="45">
        <v>70</v>
      </c>
    </row>
    <row r="117" spans="1:15" s="8" customFormat="1" ht="26.25" customHeight="1">
      <c r="A117" s="1" t="s">
        <v>852</v>
      </c>
      <c r="B117" s="2" t="s">
        <v>1890</v>
      </c>
      <c r="C117" s="167"/>
      <c r="D117" s="3"/>
      <c r="E117" s="3"/>
      <c r="F117" s="3" t="str">
        <f t="shared" si="5"/>
        <v>　</v>
      </c>
      <c r="G117" s="112" t="s">
        <v>895</v>
      </c>
      <c r="H117" s="122" t="s">
        <v>1107</v>
      </c>
      <c r="I117" s="4">
        <v>42093</v>
      </c>
      <c r="J117" s="5" t="s">
        <v>2810</v>
      </c>
      <c r="K117" s="6" t="s">
        <v>1960</v>
      </c>
      <c r="L117" s="7" t="s">
        <v>1891</v>
      </c>
      <c r="M117" s="114" t="s">
        <v>2066</v>
      </c>
      <c r="N117" s="114" t="s">
        <v>2067</v>
      </c>
      <c r="O117" s="45">
        <v>72</v>
      </c>
    </row>
    <row r="118" spans="1:15" s="8" customFormat="1" ht="26.25" customHeight="1">
      <c r="A118" s="23" t="s">
        <v>1914</v>
      </c>
      <c r="B118" s="116" t="s">
        <v>1915</v>
      </c>
      <c r="C118" s="117"/>
      <c r="D118" s="129"/>
      <c r="E118" s="129"/>
      <c r="F118" s="129" t="str">
        <f t="shared" si="5"/>
        <v>　</v>
      </c>
      <c r="G118" s="24" t="s">
        <v>1916</v>
      </c>
      <c r="H118" s="128" t="s">
        <v>2478</v>
      </c>
      <c r="I118" s="25">
        <v>42094</v>
      </c>
      <c r="J118" s="26" t="s">
        <v>1917</v>
      </c>
      <c r="K118" s="27" t="s">
        <v>1961</v>
      </c>
      <c r="L118" s="28" t="s">
        <v>1918</v>
      </c>
      <c r="M118" s="29" t="s">
        <v>2055</v>
      </c>
      <c r="N118" s="29" t="s">
        <v>2054</v>
      </c>
      <c r="O118" s="44">
        <v>80</v>
      </c>
    </row>
    <row r="119" spans="1:15" s="8" customFormat="1" ht="26.25" customHeight="1">
      <c r="A119" s="23" t="s">
        <v>852</v>
      </c>
      <c r="B119" s="116" t="s">
        <v>1919</v>
      </c>
      <c r="C119" s="117"/>
      <c r="D119" s="129"/>
      <c r="E119" s="129"/>
      <c r="F119" s="129" t="str">
        <f t="shared" ref="F119:F125" si="7">IF(O119="","",IF(O119&lt;60,"○","　"))</f>
        <v>　</v>
      </c>
      <c r="G119" s="135" t="s">
        <v>895</v>
      </c>
      <c r="H119" s="144" t="s">
        <v>1920</v>
      </c>
      <c r="I119" s="25">
        <v>42094</v>
      </c>
      <c r="J119" s="26" t="s">
        <v>2813</v>
      </c>
      <c r="K119" s="27" t="s">
        <v>1962</v>
      </c>
      <c r="L119" s="28" t="s">
        <v>1921</v>
      </c>
      <c r="M119" s="29" t="s">
        <v>2068</v>
      </c>
      <c r="N119" s="29" t="s">
        <v>2069</v>
      </c>
      <c r="O119" s="44">
        <v>148</v>
      </c>
    </row>
    <row r="120" spans="1:15" s="8" customFormat="1" ht="26.25" customHeight="1">
      <c r="A120" s="23" t="s">
        <v>852</v>
      </c>
      <c r="B120" s="2" t="s">
        <v>2645</v>
      </c>
      <c r="C120" s="167"/>
      <c r="D120" s="3"/>
      <c r="E120" s="3"/>
      <c r="F120" s="3" t="str">
        <f t="shared" si="7"/>
        <v>　</v>
      </c>
      <c r="G120" s="136"/>
      <c r="H120" s="145"/>
      <c r="I120" s="4">
        <v>43236</v>
      </c>
      <c r="J120" s="26" t="s">
        <v>2813</v>
      </c>
      <c r="K120" s="6"/>
      <c r="L120" s="7" t="s">
        <v>2646</v>
      </c>
      <c r="M120" s="114"/>
      <c r="N120" s="114"/>
      <c r="O120" s="99" t="s">
        <v>2840</v>
      </c>
    </row>
    <row r="121" spans="1:15" s="8" customFormat="1" ht="26.25" customHeight="1">
      <c r="A121" s="1" t="s">
        <v>1975</v>
      </c>
      <c r="B121" s="2" t="s">
        <v>1976</v>
      </c>
      <c r="C121" s="167"/>
      <c r="D121" s="3"/>
      <c r="E121" s="3"/>
      <c r="F121" s="3" t="str">
        <f t="shared" si="7"/>
        <v>　</v>
      </c>
      <c r="G121" s="112" t="s">
        <v>1345</v>
      </c>
      <c r="H121" s="122" t="s">
        <v>2026</v>
      </c>
      <c r="I121" s="4">
        <v>42094</v>
      </c>
      <c r="J121" s="5" t="s">
        <v>2030</v>
      </c>
      <c r="K121" s="6" t="s">
        <v>2032</v>
      </c>
      <c r="L121" s="7" t="s">
        <v>2031</v>
      </c>
      <c r="M121" s="114" t="s">
        <v>2070</v>
      </c>
      <c r="N121" s="114" t="s">
        <v>2070</v>
      </c>
      <c r="O121" s="45">
        <v>90</v>
      </c>
    </row>
    <row r="122" spans="1:15" s="8" customFormat="1" ht="26.25" customHeight="1">
      <c r="A122" s="1" t="s">
        <v>852</v>
      </c>
      <c r="B122" s="2" t="s">
        <v>2089</v>
      </c>
      <c r="C122" s="167"/>
      <c r="D122" s="3"/>
      <c r="E122" s="3"/>
      <c r="F122" s="3" t="s">
        <v>2117</v>
      </c>
      <c r="G122" s="112" t="s">
        <v>895</v>
      </c>
      <c r="H122" s="122" t="s">
        <v>216</v>
      </c>
      <c r="I122" s="4">
        <v>42152</v>
      </c>
      <c r="J122" s="5" t="s">
        <v>2090</v>
      </c>
      <c r="K122" s="6" t="s">
        <v>1467</v>
      </c>
      <c r="L122" s="7" t="s">
        <v>2091</v>
      </c>
      <c r="M122" s="114" t="s">
        <v>2118</v>
      </c>
      <c r="N122" s="114"/>
      <c r="O122" s="45">
        <v>90</v>
      </c>
    </row>
    <row r="123" spans="1:15" s="8" customFormat="1" ht="26.25" customHeight="1">
      <c r="A123" s="1" t="s">
        <v>2088</v>
      </c>
      <c r="B123" s="2" t="s">
        <v>771</v>
      </c>
      <c r="C123" s="167"/>
      <c r="D123" s="3"/>
      <c r="E123" s="3"/>
      <c r="F123" s="3" t="str">
        <f t="shared" si="7"/>
        <v>　</v>
      </c>
      <c r="G123" s="112" t="s">
        <v>895</v>
      </c>
      <c r="H123" s="122" t="s">
        <v>2115</v>
      </c>
      <c r="I123" s="4">
        <v>42244</v>
      </c>
      <c r="J123" s="5" t="s">
        <v>1625</v>
      </c>
      <c r="K123" s="6" t="s">
        <v>212</v>
      </c>
      <c r="L123" s="7" t="s">
        <v>2662</v>
      </c>
      <c r="M123" s="6" t="s">
        <v>213</v>
      </c>
      <c r="N123" s="6" t="s">
        <v>214</v>
      </c>
      <c r="O123" s="45">
        <v>66</v>
      </c>
    </row>
    <row r="124" spans="1:15" s="8" customFormat="1" ht="26.25" customHeight="1">
      <c r="A124" s="1" t="s">
        <v>2136</v>
      </c>
      <c r="B124" s="2" t="s">
        <v>2137</v>
      </c>
      <c r="C124" s="167"/>
      <c r="D124" s="3"/>
      <c r="E124" s="3"/>
      <c r="F124" s="3" t="str">
        <f t="shared" si="7"/>
        <v>　</v>
      </c>
      <c r="G124" s="112" t="s">
        <v>2138</v>
      </c>
      <c r="H124" s="122" t="s">
        <v>2139</v>
      </c>
      <c r="I124" s="4">
        <v>42271</v>
      </c>
      <c r="J124" s="5" t="s">
        <v>2140</v>
      </c>
      <c r="K124" s="6" t="s">
        <v>2142</v>
      </c>
      <c r="L124" s="7" t="s">
        <v>2141</v>
      </c>
      <c r="M124" s="6" t="s">
        <v>2146</v>
      </c>
      <c r="N124" s="6" t="s">
        <v>2146</v>
      </c>
      <c r="O124" s="45">
        <v>60</v>
      </c>
    </row>
    <row r="125" spans="1:15" s="8" customFormat="1" ht="26.25" customHeight="1">
      <c r="A125" s="23" t="s">
        <v>852</v>
      </c>
      <c r="B125" s="116" t="s">
        <v>2172</v>
      </c>
      <c r="C125" s="117"/>
      <c r="D125" s="129"/>
      <c r="E125" s="129"/>
      <c r="F125" s="129" t="str">
        <f t="shared" si="7"/>
        <v>　</v>
      </c>
      <c r="G125" s="24" t="s">
        <v>895</v>
      </c>
      <c r="H125" s="128" t="s">
        <v>2179</v>
      </c>
      <c r="I125" s="25">
        <v>42458</v>
      </c>
      <c r="J125" s="26" t="s">
        <v>2655</v>
      </c>
      <c r="K125" s="27" t="s">
        <v>2215</v>
      </c>
      <c r="L125" s="28" t="s">
        <v>2214</v>
      </c>
      <c r="M125" s="27" t="s">
        <v>2245</v>
      </c>
      <c r="N125" s="27" t="s">
        <v>2303</v>
      </c>
      <c r="O125" s="44">
        <v>113</v>
      </c>
    </row>
    <row r="126" spans="1:15" s="8" customFormat="1" ht="26.25" customHeight="1">
      <c r="A126" s="23" t="s">
        <v>852</v>
      </c>
      <c r="B126" s="116" t="s">
        <v>2173</v>
      </c>
      <c r="C126" s="117"/>
      <c r="D126" s="129"/>
      <c r="E126" s="129"/>
      <c r="F126" s="129"/>
      <c r="G126" s="24" t="s">
        <v>895</v>
      </c>
      <c r="H126" s="128" t="s">
        <v>2043</v>
      </c>
      <c r="I126" s="25">
        <v>42459</v>
      </c>
      <c r="J126" s="26" t="s">
        <v>2203</v>
      </c>
      <c r="K126" s="27" t="s">
        <v>2204</v>
      </c>
      <c r="L126" s="28" t="s">
        <v>2206</v>
      </c>
      <c r="M126" s="27" t="s">
        <v>2304</v>
      </c>
      <c r="N126" s="27" t="s">
        <v>2305</v>
      </c>
      <c r="O126" s="44">
        <v>45</v>
      </c>
    </row>
    <row r="127" spans="1:15" s="8" customFormat="1" ht="26.25" customHeight="1">
      <c r="A127" s="23" t="s">
        <v>852</v>
      </c>
      <c r="B127" s="116" t="s">
        <v>2174</v>
      </c>
      <c r="C127" s="117"/>
      <c r="D127" s="129"/>
      <c r="E127" s="129"/>
      <c r="F127" s="129"/>
      <c r="G127" s="24" t="s">
        <v>2180</v>
      </c>
      <c r="H127" s="128" t="s">
        <v>1017</v>
      </c>
      <c r="I127" s="25">
        <v>42459</v>
      </c>
      <c r="J127" s="26" t="s">
        <v>2194</v>
      </c>
      <c r="K127" s="27" t="s">
        <v>2195</v>
      </c>
      <c r="L127" s="28" t="s">
        <v>2196</v>
      </c>
      <c r="M127" s="27" t="s">
        <v>2197</v>
      </c>
      <c r="N127" s="27" t="s">
        <v>2306</v>
      </c>
      <c r="O127" s="44">
        <v>111</v>
      </c>
    </row>
    <row r="128" spans="1:15" s="8" customFormat="1" ht="26.25" customHeight="1">
      <c r="A128" s="23" t="s">
        <v>852</v>
      </c>
      <c r="B128" s="116" t="s">
        <v>2175</v>
      </c>
      <c r="C128" s="117"/>
      <c r="D128" s="129"/>
      <c r="E128" s="129"/>
      <c r="F128" s="129"/>
      <c r="G128" s="24" t="s">
        <v>1345</v>
      </c>
      <c r="H128" s="128" t="s">
        <v>2205</v>
      </c>
      <c r="I128" s="25">
        <v>42459</v>
      </c>
      <c r="J128" s="26" t="s">
        <v>2480</v>
      </c>
      <c r="K128" s="27" t="s">
        <v>2204</v>
      </c>
      <c r="L128" s="28" t="s">
        <v>2207</v>
      </c>
      <c r="M128" s="27" t="s">
        <v>2208</v>
      </c>
      <c r="N128" s="27" t="s">
        <v>2209</v>
      </c>
      <c r="O128" s="44">
        <v>33</v>
      </c>
    </row>
    <row r="129" spans="1:15" s="8" customFormat="1" ht="26.25" customHeight="1">
      <c r="A129" s="23" t="s">
        <v>852</v>
      </c>
      <c r="B129" s="116" t="s">
        <v>2333</v>
      </c>
      <c r="C129" s="117"/>
      <c r="D129" s="129"/>
      <c r="E129" s="129"/>
      <c r="F129" s="129"/>
      <c r="G129" s="24" t="s">
        <v>895</v>
      </c>
      <c r="H129" s="128" t="s">
        <v>2334</v>
      </c>
      <c r="I129" s="25">
        <v>42551</v>
      </c>
      <c r="J129" s="26" t="s">
        <v>2597</v>
      </c>
      <c r="K129" s="27" t="s">
        <v>2335</v>
      </c>
      <c r="L129" s="28" t="s">
        <v>2336</v>
      </c>
      <c r="M129" s="27" t="s">
        <v>2337</v>
      </c>
      <c r="N129" s="27" t="s">
        <v>2338</v>
      </c>
      <c r="O129" s="44">
        <v>90</v>
      </c>
    </row>
    <row r="130" spans="1:15" s="8" customFormat="1" ht="26.25" customHeight="1">
      <c r="A130" s="23" t="s">
        <v>2325</v>
      </c>
      <c r="B130" s="116" t="s">
        <v>2326</v>
      </c>
      <c r="C130" s="117"/>
      <c r="D130" s="129"/>
      <c r="E130" s="129"/>
      <c r="F130" s="129"/>
      <c r="G130" s="24" t="s">
        <v>1345</v>
      </c>
      <c r="H130" s="128" t="s">
        <v>2327</v>
      </c>
      <c r="I130" s="25">
        <v>42579</v>
      </c>
      <c r="J130" s="26" t="s">
        <v>2664</v>
      </c>
      <c r="K130" s="27" t="s">
        <v>2329</v>
      </c>
      <c r="L130" s="28" t="s">
        <v>2328</v>
      </c>
      <c r="M130" s="27" t="s">
        <v>2330</v>
      </c>
      <c r="N130" s="27" t="s">
        <v>2331</v>
      </c>
      <c r="O130" s="44">
        <v>60</v>
      </c>
    </row>
    <row r="131" spans="1:15" s="8" customFormat="1" ht="26.25" customHeight="1">
      <c r="A131" s="23" t="s">
        <v>852</v>
      </c>
      <c r="B131" s="116" t="s">
        <v>2340</v>
      </c>
      <c r="C131" s="117"/>
      <c r="D131" s="129"/>
      <c r="E131" s="129"/>
      <c r="F131" s="129"/>
      <c r="G131" s="24" t="s">
        <v>1345</v>
      </c>
      <c r="H131" s="128" t="s">
        <v>2341</v>
      </c>
      <c r="I131" s="25">
        <v>42612</v>
      </c>
      <c r="J131" s="26" t="s">
        <v>2342</v>
      </c>
      <c r="K131" s="27" t="s">
        <v>2344</v>
      </c>
      <c r="L131" s="28" t="s">
        <v>2343</v>
      </c>
      <c r="M131" s="27" t="s">
        <v>2345</v>
      </c>
      <c r="N131" s="27" t="s">
        <v>2346</v>
      </c>
      <c r="O131" s="44">
        <v>60</v>
      </c>
    </row>
    <row r="132" spans="1:15" s="8" customFormat="1" ht="26.25" customHeight="1">
      <c r="A132" s="47" t="s">
        <v>2382</v>
      </c>
      <c r="B132" s="63" t="s">
        <v>2383</v>
      </c>
      <c r="C132" s="168"/>
      <c r="D132" s="49"/>
      <c r="E132" s="49"/>
      <c r="F132" s="49"/>
      <c r="G132" s="124" t="s">
        <v>2385</v>
      </c>
      <c r="H132" s="50" t="s">
        <v>2388</v>
      </c>
      <c r="I132" s="51">
        <v>42825</v>
      </c>
      <c r="J132" s="52" t="s">
        <v>2387</v>
      </c>
      <c r="K132" s="43" t="s">
        <v>2451</v>
      </c>
      <c r="L132" s="50" t="s">
        <v>2386</v>
      </c>
      <c r="M132" s="43" t="s">
        <v>2452</v>
      </c>
      <c r="N132" s="43"/>
      <c r="O132" s="54">
        <v>60</v>
      </c>
    </row>
    <row r="133" spans="1:15" s="8" customFormat="1" ht="26.25" customHeight="1">
      <c r="A133" s="23" t="s">
        <v>2382</v>
      </c>
      <c r="B133" s="116" t="s">
        <v>2384</v>
      </c>
      <c r="C133" s="117"/>
      <c r="D133" s="129"/>
      <c r="E133" s="129"/>
      <c r="F133" s="129"/>
      <c r="G133" s="24" t="s">
        <v>2385</v>
      </c>
      <c r="H133" s="128" t="s">
        <v>2389</v>
      </c>
      <c r="I133" s="25">
        <v>42824</v>
      </c>
      <c r="J133" s="26" t="s">
        <v>2479</v>
      </c>
      <c r="K133" s="27" t="s">
        <v>2453</v>
      </c>
      <c r="L133" s="28" t="s">
        <v>2390</v>
      </c>
      <c r="M133" s="27" t="s">
        <v>2454</v>
      </c>
      <c r="N133" s="27"/>
      <c r="O133" s="44">
        <v>60</v>
      </c>
    </row>
    <row r="134" spans="1:15" s="8" customFormat="1" ht="26.25" customHeight="1">
      <c r="A134" s="23" t="s">
        <v>852</v>
      </c>
      <c r="B134" s="2" t="s">
        <v>2360</v>
      </c>
      <c r="C134" s="167"/>
      <c r="D134" s="3"/>
      <c r="E134" s="3"/>
      <c r="F134" s="3"/>
      <c r="G134" s="112" t="s">
        <v>580</v>
      </c>
      <c r="H134" s="122" t="s">
        <v>1017</v>
      </c>
      <c r="I134" s="4">
        <v>42823</v>
      </c>
      <c r="J134" s="5" t="s">
        <v>2616</v>
      </c>
      <c r="K134" s="6" t="s">
        <v>2455</v>
      </c>
      <c r="L134" s="7" t="s">
        <v>2361</v>
      </c>
      <c r="M134" s="6" t="s">
        <v>2456</v>
      </c>
      <c r="N134" s="6"/>
      <c r="O134" s="45">
        <v>120</v>
      </c>
    </row>
    <row r="135" spans="1:15" s="91" customFormat="1" ht="26.25" customHeight="1">
      <c r="A135" s="23" t="s">
        <v>852</v>
      </c>
      <c r="B135" s="132" t="s">
        <v>2487</v>
      </c>
      <c r="C135" s="132"/>
      <c r="D135" s="29"/>
      <c r="E135" s="29"/>
      <c r="F135" s="29"/>
      <c r="G135" s="24" t="s">
        <v>2488</v>
      </c>
      <c r="H135" s="128" t="s">
        <v>724</v>
      </c>
      <c r="I135" s="25">
        <v>43188</v>
      </c>
      <c r="J135" s="26" t="s">
        <v>2490</v>
      </c>
      <c r="K135" s="27"/>
      <c r="L135" s="28" t="s">
        <v>2489</v>
      </c>
      <c r="M135" s="27"/>
      <c r="N135" s="27"/>
      <c r="O135" s="44">
        <v>90</v>
      </c>
    </row>
    <row r="136" spans="1:15" s="91" customFormat="1" ht="26.25" customHeight="1">
      <c r="A136" s="23" t="s">
        <v>852</v>
      </c>
      <c r="B136" s="132" t="s">
        <v>2491</v>
      </c>
      <c r="C136" s="132"/>
      <c r="D136" s="29"/>
      <c r="E136" s="29"/>
      <c r="F136" s="29"/>
      <c r="G136" s="24" t="s">
        <v>2492</v>
      </c>
      <c r="H136" s="128" t="s">
        <v>920</v>
      </c>
      <c r="I136" s="25">
        <v>43186</v>
      </c>
      <c r="J136" s="26" t="s">
        <v>2768</v>
      </c>
      <c r="K136" s="27"/>
      <c r="L136" s="28" t="s">
        <v>2494</v>
      </c>
      <c r="M136" s="27"/>
      <c r="N136" s="27"/>
      <c r="O136" s="44">
        <v>60</v>
      </c>
    </row>
    <row r="137" spans="1:15" s="8" customFormat="1" ht="26.25" customHeight="1">
      <c r="A137" s="23" t="s">
        <v>852</v>
      </c>
      <c r="B137" s="132" t="s">
        <v>2495</v>
      </c>
      <c r="C137" s="132"/>
      <c r="D137" s="29"/>
      <c r="E137" s="29"/>
      <c r="F137" s="29"/>
      <c r="G137" s="24" t="s">
        <v>895</v>
      </c>
      <c r="H137" s="128" t="s">
        <v>2496</v>
      </c>
      <c r="I137" s="25">
        <v>43095</v>
      </c>
      <c r="J137" s="26" t="s">
        <v>2498</v>
      </c>
      <c r="K137" s="27"/>
      <c r="L137" s="28" t="s">
        <v>2497</v>
      </c>
      <c r="M137" s="27"/>
      <c r="N137" s="27"/>
      <c r="O137" s="44">
        <v>75</v>
      </c>
    </row>
    <row r="138" spans="1:15" s="91" customFormat="1" ht="26.25" customHeight="1">
      <c r="A138" s="23" t="s">
        <v>852</v>
      </c>
      <c r="B138" s="132" t="s">
        <v>2499</v>
      </c>
      <c r="C138" s="132"/>
      <c r="D138" s="29"/>
      <c r="E138" s="29"/>
      <c r="F138" s="29"/>
      <c r="G138" s="24" t="s">
        <v>601</v>
      </c>
      <c r="H138" s="128" t="s">
        <v>1835</v>
      </c>
      <c r="I138" s="25">
        <v>43186</v>
      </c>
      <c r="J138" s="26" t="s">
        <v>2501</v>
      </c>
      <c r="K138" s="27"/>
      <c r="L138" s="28" t="s">
        <v>2500</v>
      </c>
      <c r="M138" s="27"/>
      <c r="N138" s="27"/>
      <c r="O138" s="44">
        <v>60</v>
      </c>
    </row>
    <row r="139" spans="1:15" s="8" customFormat="1" ht="26.25" customHeight="1">
      <c r="A139" s="23" t="s">
        <v>852</v>
      </c>
      <c r="B139" s="130" t="s">
        <v>2728</v>
      </c>
      <c r="C139" s="131"/>
      <c r="D139" s="17"/>
      <c r="E139" s="17"/>
      <c r="F139" s="115"/>
      <c r="G139" s="113" t="s">
        <v>2729</v>
      </c>
      <c r="H139" s="123" t="s">
        <v>2730</v>
      </c>
      <c r="I139" s="18">
        <v>43550</v>
      </c>
      <c r="J139" s="19" t="s">
        <v>2732</v>
      </c>
      <c r="K139" s="20" t="s">
        <v>2733</v>
      </c>
      <c r="L139" s="21" t="s">
        <v>2731</v>
      </c>
      <c r="M139" s="20"/>
      <c r="N139" s="20"/>
      <c r="O139" s="153">
        <v>64</v>
      </c>
    </row>
    <row r="140" spans="1:15" s="8" customFormat="1" ht="26.25" customHeight="1">
      <c r="A140" s="23" t="s">
        <v>852</v>
      </c>
      <c r="B140" s="130" t="s">
        <v>2734</v>
      </c>
      <c r="C140" s="131"/>
      <c r="D140" s="17"/>
      <c r="E140" s="17"/>
      <c r="F140" s="115"/>
      <c r="G140" s="113" t="s">
        <v>2729</v>
      </c>
      <c r="H140" s="123" t="s">
        <v>2736</v>
      </c>
      <c r="I140" s="18">
        <v>43550</v>
      </c>
      <c r="J140" s="19" t="s">
        <v>2737</v>
      </c>
      <c r="K140" s="20" t="s">
        <v>2738</v>
      </c>
      <c r="L140" s="21" t="s">
        <v>2735</v>
      </c>
      <c r="M140" s="20"/>
      <c r="N140" s="20"/>
      <c r="O140" s="153">
        <v>64</v>
      </c>
    </row>
    <row r="141" spans="1:15" ht="26.25" customHeight="1">
      <c r="A141" s="23" t="s">
        <v>852</v>
      </c>
      <c r="B141" s="116" t="s">
        <v>2775</v>
      </c>
      <c r="C141" s="117"/>
      <c r="G141" s="106" t="s">
        <v>895</v>
      </c>
      <c r="H141" s="117" t="s">
        <v>216</v>
      </c>
      <c r="I141" s="25">
        <v>43553</v>
      </c>
      <c r="J141" s="26" t="s">
        <v>2777</v>
      </c>
      <c r="K141" s="27" t="s">
        <v>2782</v>
      </c>
      <c r="L141" s="28" t="s">
        <v>2778</v>
      </c>
      <c r="M141" s="27" t="s">
        <v>2784</v>
      </c>
      <c r="N141" s="27" t="s">
        <v>2786</v>
      </c>
      <c r="O141" s="44">
        <v>90</v>
      </c>
    </row>
    <row r="142" spans="1:15" ht="26.25" customHeight="1">
      <c r="A142" s="32" t="s">
        <v>852</v>
      </c>
      <c r="B142" s="118" t="s">
        <v>2776</v>
      </c>
      <c r="C142" s="119"/>
      <c r="D142" s="181"/>
      <c r="E142" s="181"/>
      <c r="F142" s="181"/>
      <c r="G142" s="182" t="s">
        <v>1345</v>
      </c>
      <c r="H142" s="183" t="s">
        <v>2779</v>
      </c>
      <c r="I142" s="36">
        <v>43553</v>
      </c>
      <c r="J142" s="37" t="s">
        <v>2780</v>
      </c>
      <c r="K142" s="38" t="s">
        <v>2783</v>
      </c>
      <c r="L142" s="39" t="s">
        <v>2781</v>
      </c>
      <c r="M142" s="38" t="s">
        <v>2785</v>
      </c>
      <c r="N142" s="38" t="s">
        <v>2787</v>
      </c>
      <c r="O142" s="156">
        <v>64</v>
      </c>
    </row>
    <row r="143" spans="1:15" s="8" customFormat="1" ht="26.25" customHeight="1">
      <c r="A143" s="15" t="s">
        <v>786</v>
      </c>
      <c r="B143" s="16" t="s">
        <v>856</v>
      </c>
      <c r="C143" s="110"/>
      <c r="D143" s="17"/>
      <c r="E143" s="17"/>
      <c r="F143" s="115" t="str">
        <f t="shared" si="5"/>
        <v>　</v>
      </c>
      <c r="G143" s="113" t="s">
        <v>1634</v>
      </c>
      <c r="H143" s="123" t="s">
        <v>1318</v>
      </c>
      <c r="I143" s="18">
        <v>22068</v>
      </c>
      <c r="J143" s="19" t="s">
        <v>2395</v>
      </c>
      <c r="K143" s="20" t="s">
        <v>1530</v>
      </c>
      <c r="L143" s="21" t="s">
        <v>1319</v>
      </c>
      <c r="M143" s="20" t="s">
        <v>1041</v>
      </c>
      <c r="N143" s="20" t="s">
        <v>1041</v>
      </c>
      <c r="O143" s="153">
        <v>130</v>
      </c>
    </row>
    <row r="144" spans="1:15" s="8" customFormat="1" ht="26.25" customHeight="1">
      <c r="A144" s="23" t="s">
        <v>786</v>
      </c>
      <c r="B144" s="116" t="s">
        <v>857</v>
      </c>
      <c r="C144" s="117"/>
      <c r="D144" s="129"/>
      <c r="E144" s="129"/>
      <c r="F144" s="29" t="str">
        <f t="shared" si="5"/>
        <v>　</v>
      </c>
      <c r="G144" s="24" t="s">
        <v>1634</v>
      </c>
      <c r="H144" s="128" t="s">
        <v>1318</v>
      </c>
      <c r="I144" s="25">
        <v>19815</v>
      </c>
      <c r="J144" s="26" t="s">
        <v>1799</v>
      </c>
      <c r="K144" s="27" t="s">
        <v>1531</v>
      </c>
      <c r="L144" s="28" t="s">
        <v>1320</v>
      </c>
      <c r="M144" s="27" t="s">
        <v>1042</v>
      </c>
      <c r="N144" s="27" t="s">
        <v>1042</v>
      </c>
      <c r="O144" s="44">
        <v>100</v>
      </c>
    </row>
    <row r="145" spans="1:15" s="8" customFormat="1" ht="26.25" customHeight="1">
      <c r="A145" s="23" t="s">
        <v>786</v>
      </c>
      <c r="B145" s="116" t="s">
        <v>759</v>
      </c>
      <c r="C145" s="117"/>
      <c r="D145" s="129"/>
      <c r="E145" s="129"/>
      <c r="F145" s="29" t="str">
        <f t="shared" si="5"/>
        <v>○</v>
      </c>
      <c r="G145" s="24" t="s">
        <v>1634</v>
      </c>
      <c r="H145" s="128" t="s">
        <v>1318</v>
      </c>
      <c r="I145" s="25">
        <v>21276</v>
      </c>
      <c r="J145" s="26" t="s">
        <v>2577</v>
      </c>
      <c r="K145" s="27" t="s">
        <v>1532</v>
      </c>
      <c r="L145" s="28" t="s">
        <v>1321</v>
      </c>
      <c r="M145" s="27" t="s">
        <v>1533</v>
      </c>
      <c r="N145" s="27" t="s">
        <v>1043</v>
      </c>
      <c r="O145" s="44">
        <v>45</v>
      </c>
    </row>
    <row r="146" spans="1:15" s="8" customFormat="1" ht="26.25" customHeight="1">
      <c r="A146" s="23" t="s">
        <v>786</v>
      </c>
      <c r="B146" s="116" t="s">
        <v>751</v>
      </c>
      <c r="C146" s="117"/>
      <c r="D146" s="129"/>
      <c r="E146" s="129"/>
      <c r="F146" s="29" t="str">
        <f t="shared" si="5"/>
        <v>　</v>
      </c>
      <c r="G146" s="24" t="s">
        <v>1634</v>
      </c>
      <c r="H146" s="128" t="s">
        <v>1318</v>
      </c>
      <c r="I146" s="25">
        <v>20941</v>
      </c>
      <c r="J146" s="26" t="s">
        <v>2792</v>
      </c>
      <c r="K146" s="27" t="s">
        <v>1534</v>
      </c>
      <c r="L146" s="28" t="s">
        <v>1322</v>
      </c>
      <c r="M146" s="27" t="s">
        <v>1044</v>
      </c>
      <c r="N146" s="27" t="s">
        <v>1044</v>
      </c>
      <c r="O146" s="44">
        <v>65</v>
      </c>
    </row>
    <row r="147" spans="1:15" s="8" customFormat="1" ht="26.25" customHeight="1">
      <c r="A147" s="23" t="s">
        <v>786</v>
      </c>
      <c r="B147" s="116" t="s">
        <v>752</v>
      </c>
      <c r="C147" s="117"/>
      <c r="D147" s="129"/>
      <c r="E147" s="129"/>
      <c r="F147" s="29" t="str">
        <f t="shared" si="5"/>
        <v>　</v>
      </c>
      <c r="G147" s="24" t="s">
        <v>1634</v>
      </c>
      <c r="H147" s="128" t="s">
        <v>1318</v>
      </c>
      <c r="I147" s="25">
        <v>20941</v>
      </c>
      <c r="J147" s="26" t="s">
        <v>2793</v>
      </c>
      <c r="K147" s="27" t="s">
        <v>1535</v>
      </c>
      <c r="L147" s="28" t="s">
        <v>1323</v>
      </c>
      <c r="M147" s="27" t="s">
        <v>1045</v>
      </c>
      <c r="N147" s="27" t="s">
        <v>1045</v>
      </c>
      <c r="O147" s="44">
        <v>120</v>
      </c>
    </row>
    <row r="148" spans="1:15" s="8" customFormat="1" ht="26.25" customHeight="1">
      <c r="A148" s="23" t="s">
        <v>786</v>
      </c>
      <c r="B148" s="116" t="s">
        <v>2703</v>
      </c>
      <c r="C148" s="167" t="s">
        <v>2660</v>
      </c>
      <c r="D148" s="129"/>
      <c r="E148" s="129"/>
      <c r="F148" s="29" t="str">
        <f t="shared" si="5"/>
        <v>　</v>
      </c>
      <c r="G148" s="106" t="s">
        <v>895</v>
      </c>
      <c r="H148" s="128" t="s">
        <v>1813</v>
      </c>
      <c r="I148" s="109" t="s">
        <v>2715</v>
      </c>
      <c r="J148" s="26" t="s">
        <v>441</v>
      </c>
      <c r="K148" s="27" t="s">
        <v>1546</v>
      </c>
      <c r="L148" s="28" t="s">
        <v>1330</v>
      </c>
      <c r="M148" s="27" t="s">
        <v>1547</v>
      </c>
      <c r="N148" s="27" t="s">
        <v>1050</v>
      </c>
      <c r="O148" s="44">
        <v>90</v>
      </c>
    </row>
    <row r="149" spans="1:15" s="8" customFormat="1" ht="26.25" customHeight="1">
      <c r="A149" s="23" t="s">
        <v>786</v>
      </c>
      <c r="B149" s="116" t="s">
        <v>753</v>
      </c>
      <c r="C149" s="117"/>
      <c r="D149" s="129"/>
      <c r="E149" s="129"/>
      <c r="F149" s="29" t="str">
        <f t="shared" si="5"/>
        <v>　</v>
      </c>
      <c r="G149" s="24" t="s">
        <v>895</v>
      </c>
      <c r="H149" s="128" t="s">
        <v>753</v>
      </c>
      <c r="I149" s="25">
        <v>25141</v>
      </c>
      <c r="J149" s="26" t="s">
        <v>442</v>
      </c>
      <c r="K149" s="27" t="s">
        <v>1536</v>
      </c>
      <c r="L149" s="28" t="s">
        <v>1324</v>
      </c>
      <c r="M149" s="27" t="s">
        <v>1046</v>
      </c>
      <c r="N149" s="27" t="s">
        <v>1046</v>
      </c>
      <c r="O149" s="44">
        <v>150</v>
      </c>
    </row>
    <row r="150" spans="1:15" s="8" customFormat="1" ht="26.25" customHeight="1">
      <c r="A150" s="23" t="s">
        <v>786</v>
      </c>
      <c r="B150" s="116" t="s">
        <v>849</v>
      </c>
      <c r="C150" s="117"/>
      <c r="D150" s="129"/>
      <c r="E150" s="129"/>
      <c r="F150" s="29" t="str">
        <f t="shared" si="5"/>
        <v>　</v>
      </c>
      <c r="G150" s="24" t="s">
        <v>895</v>
      </c>
      <c r="H150" s="128" t="s">
        <v>927</v>
      </c>
      <c r="I150" s="25">
        <v>18074</v>
      </c>
      <c r="J150" s="26" t="s">
        <v>443</v>
      </c>
      <c r="K150" s="27" t="s">
        <v>1537</v>
      </c>
      <c r="L150" s="28" t="s">
        <v>1691</v>
      </c>
      <c r="M150" s="27" t="s">
        <v>1635</v>
      </c>
      <c r="N150" s="27" t="s">
        <v>1636</v>
      </c>
      <c r="O150" s="44">
        <v>300</v>
      </c>
    </row>
    <row r="151" spans="1:15" s="8" customFormat="1" ht="26.25" customHeight="1">
      <c r="A151" s="23" t="s">
        <v>786</v>
      </c>
      <c r="B151" s="116" t="s">
        <v>850</v>
      </c>
      <c r="C151" s="117"/>
      <c r="D151" s="129"/>
      <c r="E151" s="129"/>
      <c r="F151" s="29" t="str">
        <f t="shared" si="5"/>
        <v>　</v>
      </c>
      <c r="G151" s="24" t="s">
        <v>895</v>
      </c>
      <c r="H151" s="128" t="s">
        <v>927</v>
      </c>
      <c r="I151" s="25">
        <v>25051</v>
      </c>
      <c r="J151" s="26" t="s">
        <v>2794</v>
      </c>
      <c r="K151" s="27" t="s">
        <v>1808</v>
      </c>
      <c r="L151" s="28" t="s">
        <v>1325</v>
      </c>
      <c r="M151" s="27" t="s">
        <v>1635</v>
      </c>
      <c r="N151" s="27" t="s">
        <v>1636</v>
      </c>
      <c r="O151" s="44">
        <v>90</v>
      </c>
    </row>
    <row r="152" spans="1:15" s="8" customFormat="1" ht="26.25" customHeight="1">
      <c r="A152" s="23" t="s">
        <v>786</v>
      </c>
      <c r="B152" s="116" t="s">
        <v>851</v>
      </c>
      <c r="C152" s="117"/>
      <c r="D152" s="129"/>
      <c r="E152" s="129"/>
      <c r="F152" s="29" t="str">
        <f t="shared" si="5"/>
        <v>　</v>
      </c>
      <c r="G152" s="24" t="s">
        <v>895</v>
      </c>
      <c r="H152" s="128" t="s">
        <v>928</v>
      </c>
      <c r="I152" s="25">
        <v>18172</v>
      </c>
      <c r="J152" s="26" t="s">
        <v>444</v>
      </c>
      <c r="K152" s="27" t="s">
        <v>1538</v>
      </c>
      <c r="L152" s="28" t="s">
        <v>1326</v>
      </c>
      <c r="M152" s="27" t="s">
        <v>1539</v>
      </c>
      <c r="N152" s="27" t="s">
        <v>1047</v>
      </c>
      <c r="O152" s="44">
        <v>120</v>
      </c>
    </row>
    <row r="153" spans="1:15" s="8" customFormat="1" ht="26.25" customHeight="1">
      <c r="A153" s="23" t="s">
        <v>786</v>
      </c>
      <c r="B153" s="116" t="s">
        <v>764</v>
      </c>
      <c r="C153" s="117"/>
      <c r="D153" s="129"/>
      <c r="E153" s="129"/>
      <c r="F153" s="29" t="str">
        <f t="shared" si="5"/>
        <v>　</v>
      </c>
      <c r="G153" s="24" t="s">
        <v>895</v>
      </c>
      <c r="H153" s="128" t="s">
        <v>929</v>
      </c>
      <c r="I153" s="25">
        <v>25173</v>
      </c>
      <c r="J153" s="26" t="s">
        <v>445</v>
      </c>
      <c r="K153" s="27" t="s">
        <v>1540</v>
      </c>
      <c r="L153" s="28" t="s">
        <v>1327</v>
      </c>
      <c r="M153" s="27" t="s">
        <v>1541</v>
      </c>
      <c r="N153" s="27" t="s">
        <v>1048</v>
      </c>
      <c r="O153" s="44">
        <v>120</v>
      </c>
    </row>
    <row r="154" spans="1:15" s="8" customFormat="1" ht="26.25" customHeight="1">
      <c r="A154" s="23" t="s">
        <v>786</v>
      </c>
      <c r="B154" s="116" t="s">
        <v>765</v>
      </c>
      <c r="C154" s="117"/>
      <c r="D154" s="129"/>
      <c r="E154" s="129"/>
      <c r="F154" s="29" t="str">
        <f t="shared" si="5"/>
        <v>　</v>
      </c>
      <c r="G154" s="24" t="s">
        <v>895</v>
      </c>
      <c r="H154" s="128" t="s">
        <v>765</v>
      </c>
      <c r="I154" s="25">
        <v>26024</v>
      </c>
      <c r="J154" s="26" t="s">
        <v>446</v>
      </c>
      <c r="K154" s="27" t="s">
        <v>1542</v>
      </c>
      <c r="L154" s="28" t="s">
        <v>1328</v>
      </c>
      <c r="M154" s="27" t="s">
        <v>1543</v>
      </c>
      <c r="N154" s="27" t="s">
        <v>352</v>
      </c>
      <c r="O154" s="44">
        <v>150</v>
      </c>
    </row>
    <row r="155" spans="1:15" s="8" customFormat="1" ht="26.25" customHeight="1">
      <c r="A155" s="23" t="s">
        <v>786</v>
      </c>
      <c r="B155" s="116" t="s">
        <v>766</v>
      </c>
      <c r="C155" s="117"/>
      <c r="D155" s="129"/>
      <c r="E155" s="129"/>
      <c r="F155" s="29" t="str">
        <f t="shared" si="5"/>
        <v>　</v>
      </c>
      <c r="G155" s="24" t="s">
        <v>895</v>
      </c>
      <c r="H155" s="128" t="s">
        <v>1807</v>
      </c>
      <c r="I155" s="25">
        <v>26390</v>
      </c>
      <c r="J155" s="26" t="s">
        <v>447</v>
      </c>
      <c r="K155" s="27" t="s">
        <v>1544</v>
      </c>
      <c r="L155" s="28" t="s">
        <v>1329</v>
      </c>
      <c r="M155" s="27" t="s">
        <v>1545</v>
      </c>
      <c r="N155" s="27" t="s">
        <v>1049</v>
      </c>
      <c r="O155" s="44">
        <v>120</v>
      </c>
    </row>
    <row r="156" spans="1:15" s="8" customFormat="1" ht="26.25" customHeight="1">
      <c r="A156" s="23" t="s">
        <v>786</v>
      </c>
      <c r="B156" s="116" t="s">
        <v>1135</v>
      </c>
      <c r="C156" s="117"/>
      <c r="D156" s="129"/>
      <c r="E156" s="129"/>
      <c r="F156" s="29" t="str">
        <f t="shared" si="5"/>
        <v>　</v>
      </c>
      <c r="G156" s="24" t="s">
        <v>895</v>
      </c>
      <c r="H156" s="128" t="s">
        <v>1135</v>
      </c>
      <c r="I156" s="25">
        <v>25294</v>
      </c>
      <c r="J156" s="26" t="s">
        <v>448</v>
      </c>
      <c r="K156" s="27" t="s">
        <v>1548</v>
      </c>
      <c r="L156" s="28" t="s">
        <v>1331</v>
      </c>
      <c r="M156" s="27" t="s">
        <v>1549</v>
      </c>
      <c r="N156" s="27" t="s">
        <v>1051</v>
      </c>
      <c r="O156" s="44">
        <v>90</v>
      </c>
    </row>
    <row r="157" spans="1:15" s="8" customFormat="1" ht="26.25" customHeight="1">
      <c r="A157" s="23" t="s">
        <v>786</v>
      </c>
      <c r="B157" s="116" t="s">
        <v>1136</v>
      </c>
      <c r="C157" s="117"/>
      <c r="D157" s="129"/>
      <c r="E157" s="129"/>
      <c r="F157" s="29" t="str">
        <f t="shared" si="5"/>
        <v>　</v>
      </c>
      <c r="G157" s="24" t="s">
        <v>895</v>
      </c>
      <c r="H157" s="128" t="s">
        <v>1136</v>
      </c>
      <c r="I157" s="25">
        <v>26390</v>
      </c>
      <c r="J157" s="26" t="s">
        <v>449</v>
      </c>
      <c r="K157" s="27" t="s">
        <v>1550</v>
      </c>
      <c r="L157" s="28" t="s">
        <v>1332</v>
      </c>
      <c r="M157" s="27" t="s">
        <v>1551</v>
      </c>
      <c r="N157" s="27" t="s">
        <v>1052</v>
      </c>
      <c r="O157" s="44">
        <v>120</v>
      </c>
    </row>
    <row r="158" spans="1:15" s="8" customFormat="1" ht="26.25" customHeight="1">
      <c r="A158" s="23" t="s">
        <v>786</v>
      </c>
      <c r="B158" s="116" t="s">
        <v>1137</v>
      </c>
      <c r="C158" s="117"/>
      <c r="D158" s="129"/>
      <c r="E158" s="129"/>
      <c r="F158" s="29" t="str">
        <f t="shared" si="5"/>
        <v>　</v>
      </c>
      <c r="G158" s="24" t="s">
        <v>895</v>
      </c>
      <c r="H158" s="128" t="s">
        <v>1137</v>
      </c>
      <c r="I158" s="25">
        <v>26024</v>
      </c>
      <c r="J158" s="26" t="s">
        <v>387</v>
      </c>
      <c r="K158" s="27" t="s">
        <v>1540</v>
      </c>
      <c r="L158" s="28" t="s">
        <v>1333</v>
      </c>
      <c r="M158" s="27" t="s">
        <v>1552</v>
      </c>
      <c r="N158" s="27" t="s">
        <v>1053</v>
      </c>
      <c r="O158" s="44">
        <v>100</v>
      </c>
    </row>
    <row r="159" spans="1:15" s="8" customFormat="1" ht="26.25" customHeight="1">
      <c r="A159" s="23" t="s">
        <v>786</v>
      </c>
      <c r="B159" s="116" t="s">
        <v>1138</v>
      </c>
      <c r="C159" s="117"/>
      <c r="D159" s="129"/>
      <c r="E159" s="129"/>
      <c r="F159" s="29" t="str">
        <f t="shared" si="5"/>
        <v>　</v>
      </c>
      <c r="G159" s="24" t="s">
        <v>895</v>
      </c>
      <c r="H159" s="128" t="s">
        <v>1138</v>
      </c>
      <c r="I159" s="25">
        <v>25659</v>
      </c>
      <c r="J159" s="26" t="s">
        <v>288</v>
      </c>
      <c r="K159" s="27" t="s">
        <v>1553</v>
      </c>
      <c r="L159" s="28" t="s">
        <v>567</v>
      </c>
      <c r="M159" s="27" t="s">
        <v>1554</v>
      </c>
      <c r="N159" s="27" t="s">
        <v>1054</v>
      </c>
      <c r="O159" s="44">
        <v>80</v>
      </c>
    </row>
    <row r="160" spans="1:15" s="8" customFormat="1" ht="26.25" customHeight="1">
      <c r="A160" s="23" t="s">
        <v>786</v>
      </c>
      <c r="B160" s="116" t="s">
        <v>1139</v>
      </c>
      <c r="C160" s="117"/>
      <c r="D160" s="129"/>
      <c r="E160" s="129"/>
      <c r="F160" s="29" t="str">
        <f t="shared" si="5"/>
        <v>　</v>
      </c>
      <c r="G160" s="24" t="s">
        <v>895</v>
      </c>
      <c r="H160" s="128" t="s">
        <v>1139</v>
      </c>
      <c r="I160" s="25">
        <v>25659</v>
      </c>
      <c r="J160" s="26" t="s">
        <v>450</v>
      </c>
      <c r="K160" s="27" t="s">
        <v>1555</v>
      </c>
      <c r="L160" s="28" t="s">
        <v>1334</v>
      </c>
      <c r="M160" s="27" t="s">
        <v>1556</v>
      </c>
      <c r="N160" s="27" t="s">
        <v>353</v>
      </c>
      <c r="O160" s="44">
        <v>160</v>
      </c>
    </row>
    <row r="161" spans="1:15" s="8" customFormat="1" ht="26.25" customHeight="1">
      <c r="A161" s="23" t="s">
        <v>786</v>
      </c>
      <c r="B161" s="116" t="s">
        <v>1140</v>
      </c>
      <c r="C161" s="117"/>
      <c r="D161" s="129"/>
      <c r="E161" s="129"/>
      <c r="F161" s="29" t="str">
        <f t="shared" si="5"/>
        <v>　</v>
      </c>
      <c r="G161" s="24" t="s">
        <v>895</v>
      </c>
      <c r="H161" s="128" t="s">
        <v>930</v>
      </c>
      <c r="I161" s="25">
        <v>28246</v>
      </c>
      <c r="J161" s="26" t="s">
        <v>451</v>
      </c>
      <c r="K161" s="27" t="s">
        <v>1557</v>
      </c>
      <c r="L161" s="28" t="s">
        <v>1335</v>
      </c>
      <c r="M161" s="27" t="s">
        <v>1558</v>
      </c>
      <c r="N161" s="27" t="s">
        <v>1055</v>
      </c>
      <c r="O161" s="44">
        <v>70</v>
      </c>
    </row>
    <row r="162" spans="1:15" s="8" customFormat="1" ht="26.25" customHeight="1">
      <c r="A162" s="23" t="s">
        <v>786</v>
      </c>
      <c r="B162" s="116" t="s">
        <v>1195</v>
      </c>
      <c r="C162" s="117"/>
      <c r="D162" s="129"/>
      <c r="E162" s="129"/>
      <c r="F162" s="29" t="str">
        <f t="shared" si="5"/>
        <v>　</v>
      </c>
      <c r="G162" s="24" t="s">
        <v>895</v>
      </c>
      <c r="H162" s="128" t="s">
        <v>928</v>
      </c>
      <c r="I162" s="25">
        <v>29677</v>
      </c>
      <c r="J162" s="26" t="s">
        <v>452</v>
      </c>
      <c r="K162" s="27" t="s">
        <v>1559</v>
      </c>
      <c r="L162" s="28" t="s">
        <v>1336</v>
      </c>
      <c r="M162" s="27" t="s">
        <v>1560</v>
      </c>
      <c r="N162" s="27" t="s">
        <v>1561</v>
      </c>
      <c r="O162" s="44">
        <v>90</v>
      </c>
    </row>
    <row r="163" spans="1:15" s="8" customFormat="1" ht="26.25" customHeight="1">
      <c r="A163" s="23" t="s">
        <v>786</v>
      </c>
      <c r="B163" s="116" t="s">
        <v>1196</v>
      </c>
      <c r="C163" s="117"/>
      <c r="D163" s="129"/>
      <c r="E163" s="129"/>
      <c r="F163" s="29" t="str">
        <f t="shared" si="5"/>
        <v>　</v>
      </c>
      <c r="G163" s="24" t="s">
        <v>1692</v>
      </c>
      <c r="H163" s="128" t="s">
        <v>1196</v>
      </c>
      <c r="I163" s="25">
        <v>24077</v>
      </c>
      <c r="J163" s="26" t="s">
        <v>1637</v>
      </c>
      <c r="K163" s="27" t="s">
        <v>1562</v>
      </c>
      <c r="L163" s="28" t="s">
        <v>1337</v>
      </c>
      <c r="M163" s="27" t="s">
        <v>1563</v>
      </c>
      <c r="N163" s="27" t="s">
        <v>272</v>
      </c>
      <c r="O163" s="44">
        <v>90</v>
      </c>
    </row>
    <row r="164" spans="1:15" s="8" customFormat="1" ht="26.25" customHeight="1">
      <c r="A164" s="23" t="s">
        <v>786</v>
      </c>
      <c r="B164" s="116" t="s">
        <v>1197</v>
      </c>
      <c r="C164" s="117"/>
      <c r="D164" s="129"/>
      <c r="E164" s="129"/>
      <c r="F164" s="29" t="str">
        <f t="shared" si="5"/>
        <v>　</v>
      </c>
      <c r="G164" s="24" t="s">
        <v>895</v>
      </c>
      <c r="H164" s="128" t="s">
        <v>931</v>
      </c>
      <c r="I164" s="25">
        <v>18203</v>
      </c>
      <c r="J164" s="26" t="s">
        <v>453</v>
      </c>
      <c r="K164" s="27" t="s">
        <v>1538</v>
      </c>
      <c r="L164" s="28" t="s">
        <v>1338</v>
      </c>
      <c r="M164" s="27" t="s">
        <v>273</v>
      </c>
      <c r="N164" s="27" t="s">
        <v>273</v>
      </c>
      <c r="O164" s="44">
        <v>120</v>
      </c>
    </row>
    <row r="165" spans="1:15" s="8" customFormat="1" ht="26.25" customHeight="1">
      <c r="A165" s="23" t="s">
        <v>786</v>
      </c>
      <c r="B165" s="116" t="s">
        <v>1198</v>
      </c>
      <c r="C165" s="117"/>
      <c r="D165" s="129"/>
      <c r="E165" s="129"/>
      <c r="F165" s="29" t="str">
        <f t="shared" si="5"/>
        <v>　</v>
      </c>
      <c r="G165" s="24" t="s">
        <v>895</v>
      </c>
      <c r="H165" s="128" t="s">
        <v>932</v>
      </c>
      <c r="I165" s="25">
        <v>33695</v>
      </c>
      <c r="J165" s="26" t="s">
        <v>454</v>
      </c>
      <c r="K165" s="27" t="s">
        <v>1564</v>
      </c>
      <c r="L165" s="28" t="s">
        <v>1339</v>
      </c>
      <c r="M165" s="27" t="s">
        <v>1565</v>
      </c>
      <c r="N165" s="27" t="s">
        <v>274</v>
      </c>
      <c r="O165" s="44">
        <v>90</v>
      </c>
    </row>
    <row r="166" spans="1:15" s="8" customFormat="1" ht="26.25" customHeight="1">
      <c r="A166" s="23" t="s">
        <v>786</v>
      </c>
      <c r="B166" s="116" t="s">
        <v>634</v>
      </c>
      <c r="C166" s="117"/>
      <c r="D166" s="129"/>
      <c r="E166" s="129"/>
      <c r="F166" s="29" t="str">
        <f t="shared" si="5"/>
        <v>　</v>
      </c>
      <c r="G166" s="135" t="s">
        <v>1317</v>
      </c>
      <c r="H166" s="144" t="s">
        <v>1022</v>
      </c>
      <c r="I166" s="25">
        <v>20029</v>
      </c>
      <c r="J166" s="26" t="s">
        <v>455</v>
      </c>
      <c r="K166" s="27" t="s">
        <v>1566</v>
      </c>
      <c r="L166" s="28" t="s">
        <v>1340</v>
      </c>
      <c r="M166" s="27" t="s">
        <v>1567</v>
      </c>
      <c r="N166" s="27" t="s">
        <v>275</v>
      </c>
      <c r="O166" s="44">
        <v>110</v>
      </c>
    </row>
    <row r="167" spans="1:15" s="8" customFormat="1" ht="26.25" customHeight="1">
      <c r="A167" s="23" t="s">
        <v>1801</v>
      </c>
      <c r="B167" s="116" t="s">
        <v>1802</v>
      </c>
      <c r="C167" s="117"/>
      <c r="D167" s="129"/>
      <c r="E167" s="129"/>
      <c r="F167" s="29" t="str">
        <f t="shared" si="5"/>
        <v>　</v>
      </c>
      <c r="G167" s="136"/>
      <c r="H167" s="145"/>
      <c r="I167" s="25">
        <v>41729</v>
      </c>
      <c r="J167" s="26" t="s">
        <v>1803</v>
      </c>
      <c r="K167" s="27" t="s">
        <v>1805</v>
      </c>
      <c r="L167" s="28" t="s">
        <v>1804</v>
      </c>
      <c r="M167" s="27" t="s">
        <v>2457</v>
      </c>
      <c r="N167" s="27"/>
      <c r="O167" s="163" t="s">
        <v>2841</v>
      </c>
    </row>
    <row r="168" spans="1:15" s="8" customFormat="1" ht="26.25" customHeight="1">
      <c r="A168" s="23" t="s">
        <v>786</v>
      </c>
      <c r="B168" s="116" t="s">
        <v>635</v>
      </c>
      <c r="C168" s="117"/>
      <c r="D168" s="129"/>
      <c r="E168" s="129"/>
      <c r="F168" s="29" t="str">
        <f t="shared" si="5"/>
        <v>　</v>
      </c>
      <c r="G168" s="24" t="s">
        <v>1317</v>
      </c>
      <c r="H168" s="128" t="s">
        <v>1189</v>
      </c>
      <c r="I168" s="25">
        <v>22098</v>
      </c>
      <c r="J168" s="26" t="s">
        <v>456</v>
      </c>
      <c r="K168" s="27" t="s">
        <v>1562</v>
      </c>
      <c r="L168" s="28" t="s">
        <v>1341</v>
      </c>
      <c r="M168" s="27" t="s">
        <v>1568</v>
      </c>
      <c r="N168" s="27" t="s">
        <v>276</v>
      </c>
      <c r="O168" s="44">
        <v>90</v>
      </c>
    </row>
    <row r="169" spans="1:15" s="8" customFormat="1" ht="26.25" customHeight="1">
      <c r="A169" s="23" t="s">
        <v>786</v>
      </c>
      <c r="B169" s="116" t="s">
        <v>636</v>
      </c>
      <c r="C169" s="117"/>
      <c r="D169" s="129"/>
      <c r="E169" s="129"/>
      <c r="F169" s="29" t="str">
        <f t="shared" si="5"/>
        <v>　</v>
      </c>
      <c r="G169" s="24" t="s">
        <v>895</v>
      </c>
      <c r="H169" s="128" t="s">
        <v>933</v>
      </c>
      <c r="I169" s="25">
        <v>20271</v>
      </c>
      <c r="J169" s="26" t="s">
        <v>1940</v>
      </c>
      <c r="K169" s="27" t="s">
        <v>1569</v>
      </c>
      <c r="L169" s="28" t="s">
        <v>1342</v>
      </c>
      <c r="M169" s="27" t="s">
        <v>1570</v>
      </c>
      <c r="N169" s="27" t="s">
        <v>277</v>
      </c>
      <c r="O169" s="44">
        <v>60</v>
      </c>
    </row>
    <row r="170" spans="1:15" s="8" customFormat="1" ht="26.25" customHeight="1">
      <c r="A170" s="23" t="s">
        <v>786</v>
      </c>
      <c r="B170" s="116" t="s">
        <v>1032</v>
      </c>
      <c r="C170" s="117"/>
      <c r="D170" s="129"/>
      <c r="E170" s="129"/>
      <c r="F170" s="29" t="str">
        <f t="shared" si="5"/>
        <v>○</v>
      </c>
      <c r="G170" s="24" t="s">
        <v>1113</v>
      </c>
      <c r="H170" s="128" t="s">
        <v>1032</v>
      </c>
      <c r="I170" s="25">
        <v>39173</v>
      </c>
      <c r="J170" s="26" t="s">
        <v>2376</v>
      </c>
      <c r="K170" s="27" t="s">
        <v>1571</v>
      </c>
      <c r="L170" s="28" t="s">
        <v>1343</v>
      </c>
      <c r="M170" s="27" t="s">
        <v>1572</v>
      </c>
      <c r="N170" s="27" t="s">
        <v>1573</v>
      </c>
      <c r="O170" s="44">
        <v>50</v>
      </c>
    </row>
    <row r="171" spans="1:15" s="8" customFormat="1" ht="26.25" customHeight="1">
      <c r="A171" s="23" t="s">
        <v>786</v>
      </c>
      <c r="B171" s="116" t="s">
        <v>1382</v>
      </c>
      <c r="C171" s="117"/>
      <c r="D171" s="129"/>
      <c r="E171" s="129"/>
      <c r="F171" s="29" t="str">
        <f t="shared" si="5"/>
        <v>　</v>
      </c>
      <c r="G171" s="24" t="s">
        <v>1638</v>
      </c>
      <c r="H171" s="128" t="s">
        <v>1383</v>
      </c>
      <c r="I171" s="25">
        <v>41000</v>
      </c>
      <c r="J171" s="26" t="s">
        <v>1639</v>
      </c>
      <c r="K171" s="27" t="s">
        <v>1574</v>
      </c>
      <c r="L171" s="28" t="s">
        <v>1344</v>
      </c>
      <c r="M171" s="27" t="s">
        <v>1640</v>
      </c>
      <c r="N171" s="27" t="s">
        <v>1641</v>
      </c>
      <c r="O171" s="44">
        <v>130</v>
      </c>
    </row>
    <row r="172" spans="1:15" s="8" customFormat="1" ht="26.25" customHeight="1">
      <c r="A172" s="1" t="s">
        <v>786</v>
      </c>
      <c r="B172" s="2" t="s">
        <v>2002</v>
      </c>
      <c r="C172" s="167"/>
      <c r="D172" s="3"/>
      <c r="E172" s="3"/>
      <c r="F172" s="114" t="str">
        <f t="shared" si="5"/>
        <v>○</v>
      </c>
      <c r="G172" s="112" t="s">
        <v>1692</v>
      </c>
      <c r="H172" s="122" t="s">
        <v>2002</v>
      </c>
      <c r="I172" s="4">
        <v>42090</v>
      </c>
      <c r="J172" s="5" t="s">
        <v>2003</v>
      </c>
      <c r="K172" s="6" t="s">
        <v>2005</v>
      </c>
      <c r="L172" s="7" t="s">
        <v>2004</v>
      </c>
      <c r="M172" s="6" t="s">
        <v>2056</v>
      </c>
      <c r="N172" s="6"/>
      <c r="O172" s="45">
        <v>37</v>
      </c>
    </row>
    <row r="173" spans="1:15" s="8" customFormat="1" ht="26.25" customHeight="1">
      <c r="A173" s="1" t="s">
        <v>786</v>
      </c>
      <c r="B173" s="2" t="s">
        <v>2006</v>
      </c>
      <c r="C173" s="167"/>
      <c r="D173" s="3"/>
      <c r="E173" s="3"/>
      <c r="F173" s="114" t="str">
        <f t="shared" si="5"/>
        <v>○</v>
      </c>
      <c r="G173" s="112" t="s">
        <v>2007</v>
      </c>
      <c r="H173" s="122" t="s">
        <v>2008</v>
      </c>
      <c r="I173" s="4">
        <v>42093</v>
      </c>
      <c r="J173" s="5" t="s">
        <v>2009</v>
      </c>
      <c r="K173" s="6" t="s">
        <v>2011</v>
      </c>
      <c r="L173" s="7" t="s">
        <v>2010</v>
      </c>
      <c r="M173" s="6" t="s">
        <v>2012</v>
      </c>
      <c r="N173" s="6"/>
      <c r="O173" s="45">
        <v>45</v>
      </c>
    </row>
    <row r="174" spans="1:15" s="8" customFormat="1" ht="26.25" customHeight="1">
      <c r="A174" s="32" t="s">
        <v>786</v>
      </c>
      <c r="B174" s="118" t="s">
        <v>2013</v>
      </c>
      <c r="C174" s="119"/>
      <c r="D174" s="33"/>
      <c r="E174" s="33"/>
      <c r="F174" s="40" t="str">
        <f t="shared" si="5"/>
        <v>○</v>
      </c>
      <c r="G174" s="34" t="s">
        <v>2007</v>
      </c>
      <c r="H174" s="35" t="s">
        <v>2014</v>
      </c>
      <c r="I174" s="36">
        <v>42094</v>
      </c>
      <c r="J174" s="37" t="s">
        <v>2015</v>
      </c>
      <c r="K174" s="38" t="s">
        <v>2005</v>
      </c>
      <c r="L174" s="39" t="s">
        <v>2016</v>
      </c>
      <c r="M174" s="38" t="s">
        <v>2017</v>
      </c>
      <c r="N174" s="38" t="s">
        <v>2018</v>
      </c>
      <c r="O174" s="156">
        <v>39</v>
      </c>
    </row>
    <row r="175" spans="1:15" s="8" customFormat="1" ht="26.25" customHeight="1">
      <c r="A175" s="15" t="s">
        <v>798</v>
      </c>
      <c r="B175" s="16" t="s">
        <v>1642</v>
      </c>
      <c r="C175" s="110"/>
      <c r="D175" s="17"/>
      <c r="E175" s="17"/>
      <c r="F175" s="17" t="str">
        <f t="shared" si="5"/>
        <v>　</v>
      </c>
      <c r="G175" s="113" t="s">
        <v>1060</v>
      </c>
      <c r="H175" s="123" t="s">
        <v>624</v>
      </c>
      <c r="I175" s="18">
        <v>26390</v>
      </c>
      <c r="J175" s="19" t="s">
        <v>2807</v>
      </c>
      <c r="K175" s="20" t="s">
        <v>625</v>
      </c>
      <c r="L175" s="21" t="s">
        <v>627</v>
      </c>
      <c r="M175" s="20" t="s">
        <v>628</v>
      </c>
      <c r="N175" s="20" t="s">
        <v>628</v>
      </c>
      <c r="O175" s="153">
        <v>90</v>
      </c>
    </row>
    <row r="176" spans="1:15" s="8" customFormat="1" ht="26.25" customHeight="1">
      <c r="A176" s="23" t="s">
        <v>798</v>
      </c>
      <c r="B176" s="116" t="s">
        <v>629</v>
      </c>
      <c r="C176" s="117"/>
      <c r="D176" s="129"/>
      <c r="E176" s="129"/>
      <c r="F176" s="129" t="str">
        <f t="shared" si="5"/>
        <v>　</v>
      </c>
      <c r="G176" s="24" t="s">
        <v>1060</v>
      </c>
      <c r="H176" s="128" t="s">
        <v>624</v>
      </c>
      <c r="I176" s="25">
        <v>24228</v>
      </c>
      <c r="J176" s="26" t="s">
        <v>2808</v>
      </c>
      <c r="K176" s="27" t="s">
        <v>747</v>
      </c>
      <c r="L176" s="28" t="s">
        <v>1346</v>
      </c>
      <c r="M176" s="27" t="s">
        <v>748</v>
      </c>
      <c r="N176" s="27" t="s">
        <v>748</v>
      </c>
      <c r="O176" s="44">
        <v>90</v>
      </c>
    </row>
    <row r="177" spans="1:15" s="8" customFormat="1" ht="26.25" customHeight="1">
      <c r="A177" s="23" t="s">
        <v>798</v>
      </c>
      <c r="B177" s="116" t="s">
        <v>749</v>
      </c>
      <c r="C177" s="117"/>
      <c r="D177" s="129"/>
      <c r="E177" s="129"/>
      <c r="F177" s="129" t="str">
        <f t="shared" si="5"/>
        <v>　</v>
      </c>
      <c r="G177" s="24" t="s">
        <v>1060</v>
      </c>
      <c r="H177" s="128" t="s">
        <v>624</v>
      </c>
      <c r="I177" s="25">
        <v>25659</v>
      </c>
      <c r="J177" s="26" t="s">
        <v>2598</v>
      </c>
      <c r="K177" s="27" t="s">
        <v>750</v>
      </c>
      <c r="L177" s="28" t="s">
        <v>1347</v>
      </c>
      <c r="M177" s="27" t="s">
        <v>1124</v>
      </c>
      <c r="N177" s="27" t="s">
        <v>1124</v>
      </c>
      <c r="O177" s="44">
        <v>90</v>
      </c>
    </row>
    <row r="178" spans="1:15" s="8" customFormat="1" ht="26.25" customHeight="1">
      <c r="A178" s="23" t="s">
        <v>798</v>
      </c>
      <c r="B178" s="116" t="s">
        <v>1125</v>
      </c>
      <c r="C178" s="117"/>
      <c r="D178" s="129"/>
      <c r="E178" s="129"/>
      <c r="F178" s="129" t="str">
        <f t="shared" si="5"/>
        <v>　</v>
      </c>
      <c r="G178" s="24" t="s">
        <v>1060</v>
      </c>
      <c r="H178" s="128" t="s">
        <v>624</v>
      </c>
      <c r="I178" s="25">
        <v>24593</v>
      </c>
      <c r="J178" s="26" t="s">
        <v>2049</v>
      </c>
      <c r="K178" s="27" t="s">
        <v>1126</v>
      </c>
      <c r="L178" s="28" t="s">
        <v>2077</v>
      </c>
      <c r="M178" s="27" t="s">
        <v>1127</v>
      </c>
      <c r="N178" s="27" t="s">
        <v>2033</v>
      </c>
      <c r="O178" s="44">
        <v>120</v>
      </c>
    </row>
    <row r="179" spans="1:15" s="8" customFormat="1" ht="26.25" customHeight="1">
      <c r="A179" s="23" t="s">
        <v>798</v>
      </c>
      <c r="B179" s="116" t="s">
        <v>1128</v>
      </c>
      <c r="C179" s="117"/>
      <c r="D179" s="129"/>
      <c r="E179" s="129"/>
      <c r="F179" s="129" t="str">
        <f t="shared" si="5"/>
        <v>　</v>
      </c>
      <c r="G179" s="24" t="s">
        <v>1060</v>
      </c>
      <c r="H179" s="128" t="s">
        <v>624</v>
      </c>
      <c r="I179" s="25">
        <v>28581</v>
      </c>
      <c r="J179" s="26" t="s">
        <v>2806</v>
      </c>
      <c r="K179" s="27" t="s">
        <v>1129</v>
      </c>
      <c r="L179" s="28" t="s">
        <v>1348</v>
      </c>
      <c r="M179" s="27" t="s">
        <v>1130</v>
      </c>
      <c r="N179" s="27" t="s">
        <v>1130</v>
      </c>
      <c r="O179" s="44">
        <v>150</v>
      </c>
    </row>
    <row r="180" spans="1:15" s="8" customFormat="1" ht="26.25" customHeight="1">
      <c r="A180" s="23" t="s">
        <v>798</v>
      </c>
      <c r="B180" s="116" t="s">
        <v>1131</v>
      </c>
      <c r="C180" s="117"/>
      <c r="D180" s="129"/>
      <c r="E180" s="129"/>
      <c r="F180" s="129" t="str">
        <f t="shared" si="5"/>
        <v>　</v>
      </c>
      <c r="G180" s="24" t="s">
        <v>1060</v>
      </c>
      <c r="H180" s="128" t="s">
        <v>624</v>
      </c>
      <c r="I180" s="25">
        <v>30407</v>
      </c>
      <c r="J180" s="26" t="s">
        <v>2599</v>
      </c>
      <c r="K180" s="27" t="s">
        <v>1132</v>
      </c>
      <c r="L180" s="28" t="s">
        <v>1349</v>
      </c>
      <c r="M180" s="27" t="s">
        <v>1133</v>
      </c>
      <c r="N180" s="27" t="s">
        <v>1133</v>
      </c>
      <c r="O180" s="44">
        <v>60</v>
      </c>
    </row>
    <row r="181" spans="1:15" s="8" customFormat="1" ht="26.25" customHeight="1">
      <c r="A181" s="23" t="s">
        <v>798</v>
      </c>
      <c r="B181" s="116" t="s">
        <v>1384</v>
      </c>
      <c r="C181" s="117"/>
      <c r="D181" s="129"/>
      <c r="E181" s="129"/>
      <c r="F181" s="129" t="str">
        <f t="shared" si="5"/>
        <v>　</v>
      </c>
      <c r="G181" s="24" t="s">
        <v>1060</v>
      </c>
      <c r="H181" s="128" t="s">
        <v>1643</v>
      </c>
      <c r="I181" s="25">
        <v>41000</v>
      </c>
      <c r="J181" s="26" t="s">
        <v>457</v>
      </c>
      <c r="K181" s="27" t="s">
        <v>1644</v>
      </c>
      <c r="L181" s="28" t="s">
        <v>1645</v>
      </c>
      <c r="M181" s="27" t="s">
        <v>1646</v>
      </c>
      <c r="N181" s="27" t="s">
        <v>1647</v>
      </c>
      <c r="O181" s="44">
        <v>120</v>
      </c>
    </row>
    <row r="182" spans="1:15" s="8" customFormat="1" ht="26.25" customHeight="1">
      <c r="A182" s="23" t="s">
        <v>798</v>
      </c>
      <c r="B182" s="116" t="s">
        <v>1134</v>
      </c>
      <c r="C182" s="117"/>
      <c r="D182" s="129"/>
      <c r="E182" s="129"/>
      <c r="F182" s="129" t="str">
        <f t="shared" si="5"/>
        <v>　</v>
      </c>
      <c r="G182" s="24" t="s">
        <v>895</v>
      </c>
      <c r="H182" s="128" t="s">
        <v>1134</v>
      </c>
      <c r="I182" s="25">
        <v>17684</v>
      </c>
      <c r="J182" s="26" t="s">
        <v>1648</v>
      </c>
      <c r="K182" s="27" t="s">
        <v>1252</v>
      </c>
      <c r="L182" s="28" t="s">
        <v>1350</v>
      </c>
      <c r="M182" s="27" t="s">
        <v>1254</v>
      </c>
      <c r="N182" s="27" t="s">
        <v>354</v>
      </c>
      <c r="O182" s="44">
        <v>90</v>
      </c>
    </row>
    <row r="183" spans="1:15" s="8" customFormat="1" ht="26.25" customHeight="1">
      <c r="A183" s="23" t="s">
        <v>798</v>
      </c>
      <c r="B183" s="116" t="s">
        <v>1255</v>
      </c>
      <c r="C183" s="117"/>
      <c r="D183" s="129"/>
      <c r="E183" s="129"/>
      <c r="F183" s="129" t="str">
        <f t="shared" si="5"/>
        <v>　</v>
      </c>
      <c r="G183" s="24" t="s">
        <v>895</v>
      </c>
      <c r="H183" s="128" t="s">
        <v>1255</v>
      </c>
      <c r="I183" s="25">
        <v>26390</v>
      </c>
      <c r="J183" s="26" t="s">
        <v>458</v>
      </c>
      <c r="K183" s="27" t="s">
        <v>1256</v>
      </c>
      <c r="L183" s="28" t="s">
        <v>1351</v>
      </c>
      <c r="M183" s="27" t="s">
        <v>1257</v>
      </c>
      <c r="N183" s="27" t="s">
        <v>355</v>
      </c>
      <c r="O183" s="44">
        <v>100</v>
      </c>
    </row>
    <row r="184" spans="1:15" s="8" customFormat="1" ht="26.25" customHeight="1">
      <c r="A184" s="23" t="s">
        <v>798</v>
      </c>
      <c r="B184" s="116" t="s">
        <v>741</v>
      </c>
      <c r="C184" s="117"/>
      <c r="D184" s="129"/>
      <c r="E184" s="129"/>
      <c r="F184" s="129" t="str">
        <f t="shared" si="5"/>
        <v>　</v>
      </c>
      <c r="G184" s="24" t="s">
        <v>895</v>
      </c>
      <c r="H184" s="128" t="s">
        <v>1255</v>
      </c>
      <c r="I184" s="25">
        <v>38926</v>
      </c>
      <c r="J184" s="26" t="s">
        <v>1611</v>
      </c>
      <c r="K184" s="27" t="s">
        <v>1256</v>
      </c>
      <c r="L184" s="28" t="s">
        <v>1352</v>
      </c>
      <c r="M184" s="27" t="s">
        <v>1575</v>
      </c>
      <c r="N184" s="27" t="s">
        <v>356</v>
      </c>
      <c r="O184" s="44">
        <v>111</v>
      </c>
    </row>
    <row r="185" spans="1:15" s="8" customFormat="1" ht="26.25" customHeight="1">
      <c r="A185" s="23" t="s">
        <v>798</v>
      </c>
      <c r="B185" s="116" t="s">
        <v>2161</v>
      </c>
      <c r="C185" s="117"/>
      <c r="D185" s="129"/>
      <c r="E185" s="129"/>
      <c r="F185" s="129" t="str">
        <f t="shared" si="5"/>
        <v>　</v>
      </c>
      <c r="G185" s="24" t="s">
        <v>895</v>
      </c>
      <c r="H185" s="128" t="s">
        <v>1255</v>
      </c>
      <c r="I185" s="25">
        <v>42370</v>
      </c>
      <c r="J185" s="26" t="s">
        <v>1611</v>
      </c>
      <c r="K185" s="27" t="s">
        <v>2164</v>
      </c>
      <c r="L185" s="28" t="s">
        <v>2162</v>
      </c>
      <c r="M185" s="27" t="s">
        <v>2458</v>
      </c>
      <c r="N185" s="27"/>
      <c r="O185" s="154" t="s">
        <v>2163</v>
      </c>
    </row>
    <row r="186" spans="1:15" s="8" customFormat="1" ht="26.25" customHeight="1">
      <c r="A186" s="23" t="s">
        <v>798</v>
      </c>
      <c r="B186" s="116" t="s">
        <v>1258</v>
      </c>
      <c r="C186" s="117"/>
      <c r="D186" s="129"/>
      <c r="E186" s="129"/>
      <c r="F186" s="129" t="str">
        <f t="shared" si="5"/>
        <v>　</v>
      </c>
      <c r="G186" s="24" t="s">
        <v>895</v>
      </c>
      <c r="H186" s="128" t="s">
        <v>1258</v>
      </c>
      <c r="I186" s="25">
        <v>25659</v>
      </c>
      <c r="J186" s="26" t="s">
        <v>1649</v>
      </c>
      <c r="K186" s="27" t="s">
        <v>793</v>
      </c>
      <c r="L186" s="28" t="s">
        <v>202</v>
      </c>
      <c r="M186" s="27" t="s">
        <v>794</v>
      </c>
      <c r="N186" s="27" t="s">
        <v>357</v>
      </c>
      <c r="O186" s="44">
        <v>90</v>
      </c>
    </row>
    <row r="187" spans="1:15" s="8" customFormat="1" ht="26.25" customHeight="1">
      <c r="A187" s="23" t="s">
        <v>798</v>
      </c>
      <c r="B187" s="116" t="s">
        <v>795</v>
      </c>
      <c r="C187" s="117"/>
      <c r="D187" s="129"/>
      <c r="E187" s="129"/>
      <c r="F187" s="129" t="str">
        <f t="shared" si="5"/>
        <v>　</v>
      </c>
      <c r="G187" s="24" t="s">
        <v>895</v>
      </c>
      <c r="H187" s="128" t="s">
        <v>934</v>
      </c>
      <c r="I187" s="25">
        <v>24198</v>
      </c>
      <c r="J187" s="26" t="s">
        <v>2769</v>
      </c>
      <c r="K187" s="27" t="s">
        <v>806</v>
      </c>
      <c r="L187" s="28" t="s">
        <v>203</v>
      </c>
      <c r="M187" s="27" t="s">
        <v>807</v>
      </c>
      <c r="N187" s="27" t="s">
        <v>358</v>
      </c>
      <c r="O187" s="44">
        <v>90</v>
      </c>
    </row>
    <row r="188" spans="1:15" s="8" customFormat="1" ht="26.25" customHeight="1">
      <c r="A188" s="23" t="s">
        <v>798</v>
      </c>
      <c r="B188" s="116" t="s">
        <v>2756</v>
      </c>
      <c r="C188" s="117"/>
      <c r="D188" s="129"/>
      <c r="E188" s="129"/>
      <c r="F188" s="129" t="str">
        <f t="shared" si="5"/>
        <v>　</v>
      </c>
      <c r="G188" s="24" t="s">
        <v>895</v>
      </c>
      <c r="H188" s="128" t="s">
        <v>935</v>
      </c>
      <c r="I188" s="25">
        <v>20059</v>
      </c>
      <c r="J188" s="26" t="s">
        <v>459</v>
      </c>
      <c r="K188" s="27" t="s">
        <v>808</v>
      </c>
      <c r="L188" s="28" t="s">
        <v>204</v>
      </c>
      <c r="M188" s="27" t="s">
        <v>809</v>
      </c>
      <c r="N188" s="27" t="s">
        <v>359</v>
      </c>
      <c r="O188" s="44">
        <v>90</v>
      </c>
    </row>
    <row r="189" spans="1:15" s="8" customFormat="1" ht="26.25" customHeight="1">
      <c r="A189" s="23" t="s">
        <v>798</v>
      </c>
      <c r="B189" s="116" t="s">
        <v>2307</v>
      </c>
      <c r="C189" s="117"/>
      <c r="D189" s="129"/>
      <c r="E189" s="129"/>
      <c r="F189" s="129" t="str">
        <f t="shared" si="5"/>
        <v>　</v>
      </c>
      <c r="G189" s="24" t="s">
        <v>895</v>
      </c>
      <c r="H189" s="128" t="s">
        <v>936</v>
      </c>
      <c r="I189" s="25">
        <v>26390</v>
      </c>
      <c r="J189" s="26" t="s">
        <v>1650</v>
      </c>
      <c r="K189" s="27" t="s">
        <v>810</v>
      </c>
      <c r="L189" s="28" t="s">
        <v>205</v>
      </c>
      <c r="M189" s="27" t="s">
        <v>811</v>
      </c>
      <c r="N189" s="27" t="s">
        <v>360</v>
      </c>
      <c r="O189" s="44">
        <v>130</v>
      </c>
    </row>
    <row r="190" spans="1:15" s="8" customFormat="1" ht="26.25" customHeight="1">
      <c r="A190" s="23" t="s">
        <v>798</v>
      </c>
      <c r="B190" s="116" t="s">
        <v>812</v>
      </c>
      <c r="C190" s="117"/>
      <c r="D190" s="129"/>
      <c r="E190" s="129"/>
      <c r="F190" s="129" t="str">
        <f t="shared" si="5"/>
        <v>　</v>
      </c>
      <c r="G190" s="24" t="s">
        <v>895</v>
      </c>
      <c r="H190" s="128" t="s">
        <v>812</v>
      </c>
      <c r="I190" s="25">
        <v>26755</v>
      </c>
      <c r="J190" s="26" t="s">
        <v>1651</v>
      </c>
      <c r="K190" s="27" t="s">
        <v>1129</v>
      </c>
      <c r="L190" s="28" t="s">
        <v>206</v>
      </c>
      <c r="M190" s="27" t="s">
        <v>813</v>
      </c>
      <c r="N190" s="27" t="s">
        <v>361</v>
      </c>
      <c r="O190" s="44">
        <v>120</v>
      </c>
    </row>
    <row r="191" spans="1:15" s="8" customFormat="1" ht="26.25" customHeight="1">
      <c r="A191" s="23" t="s">
        <v>798</v>
      </c>
      <c r="B191" s="116" t="s">
        <v>814</v>
      </c>
      <c r="C191" s="117"/>
      <c r="D191" s="129"/>
      <c r="E191" s="129"/>
      <c r="F191" s="129" t="str">
        <f t="shared" si="5"/>
        <v>　</v>
      </c>
      <c r="G191" s="24" t="s">
        <v>895</v>
      </c>
      <c r="H191" s="128" t="s">
        <v>814</v>
      </c>
      <c r="I191" s="25">
        <v>27120</v>
      </c>
      <c r="J191" s="26" t="s">
        <v>1652</v>
      </c>
      <c r="K191" s="27" t="s">
        <v>815</v>
      </c>
      <c r="L191" s="28" t="s">
        <v>207</v>
      </c>
      <c r="M191" s="27" t="s">
        <v>816</v>
      </c>
      <c r="N191" s="27" t="s">
        <v>816</v>
      </c>
      <c r="O191" s="44">
        <v>90</v>
      </c>
    </row>
    <row r="192" spans="1:15" s="8" customFormat="1" ht="26.25" customHeight="1">
      <c r="A192" s="23" t="s">
        <v>798</v>
      </c>
      <c r="B192" s="116" t="s">
        <v>2804</v>
      </c>
      <c r="C192" s="117" t="s">
        <v>337</v>
      </c>
      <c r="D192" s="129"/>
      <c r="E192" s="129"/>
      <c r="F192" s="129" t="str">
        <f t="shared" ref="F192:F291" si="8">IF(O192="","",IF(O192&lt;60,"○","　"))</f>
        <v>　</v>
      </c>
      <c r="G192" s="24" t="s">
        <v>895</v>
      </c>
      <c r="H192" s="128" t="s">
        <v>817</v>
      </c>
      <c r="I192" s="25">
        <v>27120</v>
      </c>
      <c r="J192" s="26" t="s">
        <v>2372</v>
      </c>
      <c r="K192" s="27" t="s">
        <v>818</v>
      </c>
      <c r="L192" s="28" t="s">
        <v>208</v>
      </c>
      <c r="M192" s="27" t="s">
        <v>819</v>
      </c>
      <c r="N192" s="27" t="s">
        <v>362</v>
      </c>
      <c r="O192" s="44">
        <v>120</v>
      </c>
    </row>
    <row r="193" spans="1:15" s="8" customFormat="1" ht="26.25" customHeight="1">
      <c r="A193" s="23" t="s">
        <v>798</v>
      </c>
      <c r="B193" s="116" t="s">
        <v>820</v>
      </c>
      <c r="C193" s="117"/>
      <c r="D193" s="129"/>
      <c r="E193" s="129"/>
      <c r="F193" s="129" t="str">
        <f t="shared" si="8"/>
        <v>　</v>
      </c>
      <c r="G193" s="24" t="s">
        <v>895</v>
      </c>
      <c r="H193" s="128" t="s">
        <v>820</v>
      </c>
      <c r="I193" s="25">
        <v>27485</v>
      </c>
      <c r="J193" s="26" t="s">
        <v>1653</v>
      </c>
      <c r="K193" s="27" t="s">
        <v>821</v>
      </c>
      <c r="L193" s="28" t="s">
        <v>209</v>
      </c>
      <c r="M193" s="27" t="s">
        <v>822</v>
      </c>
      <c r="N193" s="27" t="s">
        <v>363</v>
      </c>
      <c r="O193" s="44">
        <v>120</v>
      </c>
    </row>
    <row r="194" spans="1:15" s="8" customFormat="1" ht="26.25" customHeight="1">
      <c r="A194" s="23" t="s">
        <v>798</v>
      </c>
      <c r="B194" s="116" t="s">
        <v>823</v>
      </c>
      <c r="C194" s="117"/>
      <c r="D194" s="129"/>
      <c r="E194" s="129"/>
      <c r="F194" s="129" t="str">
        <f t="shared" si="8"/>
        <v>　</v>
      </c>
      <c r="G194" s="24" t="s">
        <v>895</v>
      </c>
      <c r="H194" s="128" t="s">
        <v>937</v>
      </c>
      <c r="I194" s="25">
        <v>29312</v>
      </c>
      <c r="J194" s="26" t="s">
        <v>460</v>
      </c>
      <c r="K194" s="27" t="s">
        <v>824</v>
      </c>
      <c r="L194" s="28" t="s">
        <v>239</v>
      </c>
      <c r="M194" s="27" t="s">
        <v>825</v>
      </c>
      <c r="N194" s="27" t="s">
        <v>364</v>
      </c>
      <c r="O194" s="44">
        <v>120</v>
      </c>
    </row>
    <row r="195" spans="1:15" s="8" customFormat="1" ht="26.25" customHeight="1">
      <c r="A195" s="23" t="s">
        <v>798</v>
      </c>
      <c r="B195" s="116" t="s">
        <v>826</v>
      </c>
      <c r="C195" s="117"/>
      <c r="D195" s="129"/>
      <c r="E195" s="129"/>
      <c r="F195" s="129" t="str">
        <f t="shared" si="8"/>
        <v>　</v>
      </c>
      <c r="G195" s="24" t="s">
        <v>895</v>
      </c>
      <c r="H195" s="128" t="s">
        <v>938</v>
      </c>
      <c r="I195" s="25">
        <v>29312</v>
      </c>
      <c r="J195" s="26" t="s">
        <v>1654</v>
      </c>
      <c r="K195" s="27" t="s">
        <v>827</v>
      </c>
      <c r="L195" s="28" t="s">
        <v>240</v>
      </c>
      <c r="M195" s="27" t="s">
        <v>828</v>
      </c>
      <c r="N195" s="27" t="s">
        <v>365</v>
      </c>
      <c r="O195" s="44">
        <v>60</v>
      </c>
    </row>
    <row r="196" spans="1:15" s="8" customFormat="1" ht="26.25" customHeight="1">
      <c r="A196" s="1" t="s">
        <v>798</v>
      </c>
      <c r="B196" s="2" t="s">
        <v>858</v>
      </c>
      <c r="C196" s="167"/>
      <c r="D196" s="3"/>
      <c r="E196" s="3"/>
      <c r="F196" s="129" t="str">
        <f t="shared" si="8"/>
        <v>　</v>
      </c>
      <c r="G196" s="112" t="s">
        <v>1345</v>
      </c>
      <c r="H196" s="122" t="s">
        <v>1026</v>
      </c>
      <c r="I196" s="4">
        <v>38930</v>
      </c>
      <c r="J196" s="5" t="s">
        <v>2417</v>
      </c>
      <c r="K196" s="6" t="s">
        <v>818</v>
      </c>
      <c r="L196" s="7" t="s">
        <v>241</v>
      </c>
      <c r="M196" s="6" t="s">
        <v>366</v>
      </c>
      <c r="N196" s="6" t="s">
        <v>366</v>
      </c>
      <c r="O196" s="45">
        <v>60</v>
      </c>
    </row>
    <row r="197" spans="1:15" s="8" customFormat="1" ht="26.25" customHeight="1">
      <c r="A197" s="1" t="s">
        <v>798</v>
      </c>
      <c r="B197" s="2" t="s">
        <v>591</v>
      </c>
      <c r="C197" s="167"/>
      <c r="D197" s="3"/>
      <c r="E197" s="3"/>
      <c r="F197" s="129" t="str">
        <f t="shared" si="8"/>
        <v>　</v>
      </c>
      <c r="G197" s="112" t="s">
        <v>895</v>
      </c>
      <c r="H197" s="122" t="s">
        <v>592</v>
      </c>
      <c r="I197" s="4">
        <v>40299</v>
      </c>
      <c r="J197" s="5" t="s">
        <v>461</v>
      </c>
      <c r="K197" s="6" t="s">
        <v>217</v>
      </c>
      <c r="L197" s="7" t="s">
        <v>593</v>
      </c>
      <c r="M197" s="6" t="s">
        <v>218</v>
      </c>
      <c r="N197" s="6" t="s">
        <v>219</v>
      </c>
      <c r="O197" s="45">
        <v>96</v>
      </c>
    </row>
    <row r="198" spans="1:15" s="8" customFormat="1" ht="26.25" customHeight="1">
      <c r="A198" s="1" t="s">
        <v>798</v>
      </c>
      <c r="B198" s="2" t="s">
        <v>220</v>
      </c>
      <c r="C198" s="167"/>
      <c r="D198" s="3"/>
      <c r="E198" s="3"/>
      <c r="F198" s="129" t="str">
        <f t="shared" si="8"/>
        <v>　</v>
      </c>
      <c r="G198" s="135" t="s">
        <v>895</v>
      </c>
      <c r="H198" s="144" t="s">
        <v>658</v>
      </c>
      <c r="I198" s="4">
        <v>40634</v>
      </c>
      <c r="J198" s="135" t="s">
        <v>2849</v>
      </c>
      <c r="K198" s="6" t="s">
        <v>1576</v>
      </c>
      <c r="L198" s="7" t="s">
        <v>659</v>
      </c>
      <c r="M198" s="6" t="s">
        <v>1577</v>
      </c>
      <c r="N198" s="6" t="s">
        <v>1578</v>
      </c>
      <c r="O198" s="45">
        <v>96</v>
      </c>
    </row>
    <row r="199" spans="1:15" s="91" customFormat="1" ht="26.25" customHeight="1">
      <c r="A199" s="1" t="s">
        <v>798</v>
      </c>
      <c r="B199" s="2" t="s">
        <v>2666</v>
      </c>
      <c r="C199" s="167"/>
      <c r="D199" s="3"/>
      <c r="E199" s="3"/>
      <c r="F199" s="129" t="str">
        <f t="shared" si="8"/>
        <v>　</v>
      </c>
      <c r="G199" s="136"/>
      <c r="H199" s="145"/>
      <c r="I199" s="4">
        <v>43497</v>
      </c>
      <c r="J199" s="136"/>
      <c r="K199" s="6"/>
      <c r="L199" s="7" t="s">
        <v>2667</v>
      </c>
      <c r="M199" s="6"/>
      <c r="N199" s="6"/>
      <c r="O199" s="99" t="s">
        <v>2835</v>
      </c>
    </row>
    <row r="200" spans="1:15" s="8" customFormat="1" ht="26.25" customHeight="1">
      <c r="A200" s="1" t="s">
        <v>798</v>
      </c>
      <c r="B200" s="2" t="s">
        <v>1267</v>
      </c>
      <c r="C200" s="167"/>
      <c r="D200" s="3"/>
      <c r="E200" s="3"/>
      <c r="F200" s="129" t="str">
        <f t="shared" si="8"/>
        <v>○</v>
      </c>
      <c r="G200" s="112" t="s">
        <v>895</v>
      </c>
      <c r="H200" s="122" t="s">
        <v>380</v>
      </c>
      <c r="I200" s="4">
        <v>40695</v>
      </c>
      <c r="J200" s="5" t="s">
        <v>1820</v>
      </c>
      <c r="K200" s="6" t="s">
        <v>378</v>
      </c>
      <c r="L200" s="7" t="s">
        <v>379</v>
      </c>
      <c r="M200" s="6" t="s">
        <v>1655</v>
      </c>
      <c r="N200" s="6" t="s">
        <v>381</v>
      </c>
      <c r="O200" s="45">
        <v>40</v>
      </c>
    </row>
    <row r="201" spans="1:15" s="8" customFormat="1" ht="26.25" customHeight="1">
      <c r="A201" s="1" t="s">
        <v>798</v>
      </c>
      <c r="B201" s="2" t="s">
        <v>1293</v>
      </c>
      <c r="C201" s="167"/>
      <c r="D201" s="3"/>
      <c r="E201" s="3"/>
      <c r="F201" s="129" t="str">
        <f t="shared" si="8"/>
        <v>　</v>
      </c>
      <c r="G201" s="112" t="s">
        <v>895</v>
      </c>
      <c r="H201" s="122" t="s">
        <v>1294</v>
      </c>
      <c r="I201" s="4">
        <v>41091</v>
      </c>
      <c r="J201" s="5" t="s">
        <v>2071</v>
      </c>
      <c r="K201" s="6" t="s">
        <v>1480</v>
      </c>
      <c r="L201" s="7" t="s">
        <v>1481</v>
      </c>
      <c r="M201" s="6" t="s">
        <v>1482</v>
      </c>
      <c r="N201" s="6" t="s">
        <v>1483</v>
      </c>
      <c r="O201" s="45">
        <v>72</v>
      </c>
    </row>
    <row r="202" spans="1:15" s="8" customFormat="1" ht="26.25" customHeight="1">
      <c r="A202" s="1" t="s">
        <v>798</v>
      </c>
      <c r="B202" s="2" t="s">
        <v>1484</v>
      </c>
      <c r="C202" s="167"/>
      <c r="D202" s="114"/>
      <c r="E202" s="3"/>
      <c r="F202" s="3" t="str">
        <f t="shared" si="8"/>
        <v>　</v>
      </c>
      <c r="G202" s="112" t="s">
        <v>895</v>
      </c>
      <c r="H202" s="122" t="s">
        <v>1485</v>
      </c>
      <c r="I202" s="4">
        <v>41361</v>
      </c>
      <c r="J202" s="5" t="s">
        <v>1603</v>
      </c>
      <c r="K202" s="6" t="s">
        <v>1656</v>
      </c>
      <c r="L202" s="7" t="s">
        <v>1693</v>
      </c>
      <c r="M202" s="114" t="s">
        <v>1657</v>
      </c>
      <c r="N202" s="114" t="s">
        <v>1658</v>
      </c>
      <c r="O202" s="45">
        <v>72</v>
      </c>
    </row>
    <row r="203" spans="1:15" s="8" customFormat="1" ht="26.25" customHeight="1">
      <c r="A203" s="1" t="s">
        <v>1705</v>
      </c>
      <c r="B203" s="2" t="s">
        <v>1759</v>
      </c>
      <c r="C203" s="167"/>
      <c r="D203" s="3"/>
      <c r="E203" s="3"/>
      <c r="F203" s="3" t="str">
        <f t="shared" si="8"/>
        <v>　</v>
      </c>
      <c r="G203" s="112" t="s">
        <v>1753</v>
      </c>
      <c r="H203" s="122" t="s">
        <v>724</v>
      </c>
      <c r="I203" s="4">
        <v>41516</v>
      </c>
      <c r="J203" s="5" t="s">
        <v>2812</v>
      </c>
      <c r="K203" s="6" t="s">
        <v>1761</v>
      </c>
      <c r="L203" s="7" t="s">
        <v>1760</v>
      </c>
      <c r="M203" s="114" t="s">
        <v>1780</v>
      </c>
      <c r="N203" s="114" t="s">
        <v>1781</v>
      </c>
      <c r="O203" s="45">
        <v>90</v>
      </c>
    </row>
    <row r="204" spans="1:15" s="8" customFormat="1" ht="26.25" customHeight="1">
      <c r="A204" s="1" t="s">
        <v>1705</v>
      </c>
      <c r="B204" s="2" t="s">
        <v>1706</v>
      </c>
      <c r="C204" s="167"/>
      <c r="D204" s="3"/>
      <c r="E204" s="3"/>
      <c r="F204" s="3" t="str">
        <f t="shared" si="8"/>
        <v>　</v>
      </c>
      <c r="G204" s="112" t="s">
        <v>895</v>
      </c>
      <c r="H204" s="122" t="s">
        <v>380</v>
      </c>
      <c r="I204" s="4">
        <v>41726</v>
      </c>
      <c r="J204" s="5" t="s">
        <v>2815</v>
      </c>
      <c r="K204" s="6" t="s">
        <v>1708</v>
      </c>
      <c r="L204" s="7" t="s">
        <v>1707</v>
      </c>
      <c r="M204" s="114" t="s">
        <v>1782</v>
      </c>
      <c r="N204" s="114" t="s">
        <v>1783</v>
      </c>
      <c r="O204" s="45">
        <v>60</v>
      </c>
    </row>
    <row r="205" spans="1:15" s="8" customFormat="1" ht="26.25" customHeight="1">
      <c r="A205" s="1" t="s">
        <v>1705</v>
      </c>
      <c r="B205" s="2" t="s">
        <v>1709</v>
      </c>
      <c r="C205" s="167"/>
      <c r="D205" s="3"/>
      <c r="E205" s="3"/>
      <c r="F205" s="3" t="str">
        <f t="shared" si="8"/>
        <v>　</v>
      </c>
      <c r="G205" s="112" t="s">
        <v>1710</v>
      </c>
      <c r="H205" s="122" t="s">
        <v>1711</v>
      </c>
      <c r="I205" s="4">
        <v>41729</v>
      </c>
      <c r="J205" s="5" t="s">
        <v>1712</v>
      </c>
      <c r="K205" s="6" t="s">
        <v>1713</v>
      </c>
      <c r="L205" s="7" t="s">
        <v>1714</v>
      </c>
      <c r="M205" s="114" t="s">
        <v>1784</v>
      </c>
      <c r="N205" s="114" t="s">
        <v>1785</v>
      </c>
      <c r="O205" s="45">
        <v>80</v>
      </c>
    </row>
    <row r="206" spans="1:15" s="8" customFormat="1" ht="26.25" customHeight="1">
      <c r="A206" s="23" t="s">
        <v>1705</v>
      </c>
      <c r="B206" s="116" t="s">
        <v>1814</v>
      </c>
      <c r="C206" s="117"/>
      <c r="D206" s="129"/>
      <c r="E206" s="129"/>
      <c r="F206" s="129"/>
      <c r="G206" s="24" t="s">
        <v>1345</v>
      </c>
      <c r="H206" s="128" t="s">
        <v>724</v>
      </c>
      <c r="I206" s="25">
        <v>41850</v>
      </c>
      <c r="J206" s="26" t="s">
        <v>2621</v>
      </c>
      <c r="K206" s="27" t="s">
        <v>1818</v>
      </c>
      <c r="L206" s="28" t="s">
        <v>1815</v>
      </c>
      <c r="M206" s="29" t="s">
        <v>1816</v>
      </c>
      <c r="N206" s="29" t="s">
        <v>1817</v>
      </c>
      <c r="O206" s="44">
        <v>90</v>
      </c>
    </row>
    <row r="207" spans="1:15" s="8" customFormat="1" ht="26.25" customHeight="1">
      <c r="A207" s="47" t="s">
        <v>1705</v>
      </c>
      <c r="B207" s="63" t="s">
        <v>1847</v>
      </c>
      <c r="C207" s="168"/>
      <c r="D207" s="49"/>
      <c r="E207" s="49"/>
      <c r="F207" s="49"/>
      <c r="G207" s="124" t="s">
        <v>1345</v>
      </c>
      <c r="H207" s="50" t="s">
        <v>1026</v>
      </c>
      <c r="I207" s="51">
        <v>41943</v>
      </c>
      <c r="J207" s="52" t="s">
        <v>2377</v>
      </c>
      <c r="K207" s="43" t="s">
        <v>1818</v>
      </c>
      <c r="L207" s="53" t="s">
        <v>1848</v>
      </c>
      <c r="M207" s="125" t="s">
        <v>1849</v>
      </c>
      <c r="N207" s="125" t="s">
        <v>1859</v>
      </c>
      <c r="O207" s="54">
        <v>90</v>
      </c>
    </row>
    <row r="208" spans="1:15" s="8" customFormat="1" ht="26.25" customHeight="1">
      <c r="A208" s="1" t="s">
        <v>1705</v>
      </c>
      <c r="B208" s="2" t="s">
        <v>1977</v>
      </c>
      <c r="C208" s="167"/>
      <c r="D208" s="3"/>
      <c r="E208" s="3"/>
      <c r="F208" s="3"/>
      <c r="G208" s="135" t="s">
        <v>1983</v>
      </c>
      <c r="H208" s="144" t="s">
        <v>1982</v>
      </c>
      <c r="I208" s="4">
        <v>42090</v>
      </c>
      <c r="J208" s="135" t="s">
        <v>1984</v>
      </c>
      <c r="K208" s="6" t="s">
        <v>1985</v>
      </c>
      <c r="L208" s="7" t="s">
        <v>1981</v>
      </c>
      <c r="M208" s="114" t="s">
        <v>2034</v>
      </c>
      <c r="N208" s="114" t="s">
        <v>2034</v>
      </c>
      <c r="O208" s="45">
        <v>89</v>
      </c>
    </row>
    <row r="209" spans="1:15" s="91" customFormat="1" ht="26.25" customHeight="1">
      <c r="A209" s="1" t="s">
        <v>1705</v>
      </c>
      <c r="B209" s="130" t="s">
        <v>2788</v>
      </c>
      <c r="C209" s="131"/>
      <c r="D209" s="3"/>
      <c r="E209" s="3"/>
      <c r="F209" s="3"/>
      <c r="G209" s="136"/>
      <c r="H209" s="145"/>
      <c r="I209" s="4">
        <v>43556</v>
      </c>
      <c r="J209" s="136"/>
      <c r="K209" s="6"/>
      <c r="L209" s="7" t="s">
        <v>2789</v>
      </c>
      <c r="M209" s="114"/>
      <c r="N209" s="114"/>
      <c r="O209" s="99" t="s">
        <v>2848</v>
      </c>
    </row>
    <row r="210" spans="1:15" s="8" customFormat="1" ht="26.25" customHeight="1">
      <c r="A210" s="1" t="s">
        <v>1705</v>
      </c>
      <c r="B210" s="2" t="s">
        <v>1922</v>
      </c>
      <c r="C210" s="167"/>
      <c r="D210" s="3"/>
      <c r="E210" s="3"/>
      <c r="F210" s="3"/>
      <c r="G210" s="112" t="s">
        <v>1345</v>
      </c>
      <c r="H210" s="122" t="s">
        <v>1923</v>
      </c>
      <c r="I210" s="4">
        <v>42093</v>
      </c>
      <c r="J210" s="5" t="s">
        <v>1924</v>
      </c>
      <c r="K210" s="6" t="s">
        <v>1963</v>
      </c>
      <c r="L210" s="7" t="s">
        <v>1925</v>
      </c>
      <c r="M210" s="114" t="s">
        <v>2035</v>
      </c>
      <c r="N210" s="114" t="s">
        <v>2036</v>
      </c>
      <c r="O210" s="45">
        <v>51</v>
      </c>
    </row>
    <row r="211" spans="1:15" s="8" customFormat="1" ht="26.25" customHeight="1">
      <c r="A211" s="1" t="s">
        <v>1705</v>
      </c>
      <c r="B211" s="2" t="s">
        <v>1941</v>
      </c>
      <c r="C211" s="167"/>
      <c r="D211" s="3"/>
      <c r="E211" s="3"/>
      <c r="F211" s="3"/>
      <c r="G211" s="112" t="s">
        <v>1942</v>
      </c>
      <c r="H211" s="122" t="s">
        <v>1943</v>
      </c>
      <c r="I211" s="4">
        <v>42093</v>
      </c>
      <c r="J211" s="5" t="s">
        <v>2593</v>
      </c>
      <c r="K211" s="6" t="s">
        <v>1964</v>
      </c>
      <c r="L211" s="7" t="s">
        <v>1944</v>
      </c>
      <c r="M211" s="114" t="s">
        <v>2037</v>
      </c>
      <c r="N211" s="114" t="s">
        <v>2037</v>
      </c>
      <c r="O211" s="45">
        <v>30</v>
      </c>
    </row>
    <row r="212" spans="1:15" s="8" customFormat="1" ht="26.25" customHeight="1">
      <c r="A212" s="1" t="s">
        <v>1705</v>
      </c>
      <c r="B212" s="2" t="s">
        <v>1945</v>
      </c>
      <c r="C212" s="167"/>
      <c r="D212" s="3"/>
      <c r="E212" s="3"/>
      <c r="F212" s="3"/>
      <c r="G212" s="112" t="s">
        <v>1345</v>
      </c>
      <c r="H212" s="122" t="s">
        <v>1946</v>
      </c>
      <c r="I212" s="4">
        <v>42093</v>
      </c>
      <c r="J212" s="5" t="s">
        <v>1947</v>
      </c>
      <c r="K212" s="6" t="s">
        <v>1965</v>
      </c>
      <c r="L212" s="7" t="s">
        <v>2368</v>
      </c>
      <c r="M212" s="114" t="s">
        <v>2459</v>
      </c>
      <c r="N212" s="114"/>
      <c r="O212" s="45">
        <v>36</v>
      </c>
    </row>
    <row r="213" spans="1:15" s="8" customFormat="1" ht="26.25" customHeight="1">
      <c r="A213" s="1" t="s">
        <v>2143</v>
      </c>
      <c r="B213" s="2" t="s">
        <v>2144</v>
      </c>
      <c r="C213" s="167"/>
      <c r="D213" s="3"/>
      <c r="E213" s="3"/>
      <c r="F213" s="3"/>
      <c r="G213" s="112" t="s">
        <v>2145</v>
      </c>
      <c r="H213" s="122" t="s">
        <v>2147</v>
      </c>
      <c r="I213" s="4">
        <v>42277</v>
      </c>
      <c r="J213" s="5" t="s">
        <v>2148</v>
      </c>
      <c r="K213" s="6" t="s">
        <v>2150</v>
      </c>
      <c r="L213" s="7" t="s">
        <v>2149</v>
      </c>
      <c r="M213" s="114" t="s">
        <v>2151</v>
      </c>
      <c r="N213" s="114" t="s">
        <v>2152</v>
      </c>
      <c r="O213" s="45">
        <v>100</v>
      </c>
    </row>
    <row r="214" spans="1:15" s="8" customFormat="1" ht="26.25" customHeight="1">
      <c r="A214" s="1" t="s">
        <v>1705</v>
      </c>
      <c r="B214" s="2" t="s">
        <v>2165</v>
      </c>
      <c r="C214" s="167"/>
      <c r="D214" s="3"/>
      <c r="E214" s="3"/>
      <c r="F214" s="3"/>
      <c r="G214" s="112" t="s">
        <v>1345</v>
      </c>
      <c r="H214" s="122" t="s">
        <v>2166</v>
      </c>
      <c r="I214" s="4">
        <v>42338</v>
      </c>
      <c r="J214" s="5" t="s">
        <v>2167</v>
      </c>
      <c r="K214" s="6" t="s">
        <v>2168</v>
      </c>
      <c r="L214" s="7" t="s">
        <v>2169</v>
      </c>
      <c r="M214" s="114" t="s">
        <v>2170</v>
      </c>
      <c r="N214" s="114"/>
      <c r="O214" s="45">
        <v>37</v>
      </c>
    </row>
    <row r="215" spans="1:15" s="8" customFormat="1" ht="26.25" customHeight="1">
      <c r="A215" s="23" t="s">
        <v>1705</v>
      </c>
      <c r="B215" s="116" t="s">
        <v>2216</v>
      </c>
      <c r="C215" s="117"/>
      <c r="D215" s="129"/>
      <c r="E215" s="129"/>
      <c r="F215" s="129"/>
      <c r="G215" s="24" t="s">
        <v>895</v>
      </c>
      <c r="H215" s="128" t="s">
        <v>2217</v>
      </c>
      <c r="I215" s="25">
        <v>42447</v>
      </c>
      <c r="J215" s="26" t="s">
        <v>2218</v>
      </c>
      <c r="K215" s="27" t="s">
        <v>2220</v>
      </c>
      <c r="L215" s="28" t="s">
        <v>2219</v>
      </c>
      <c r="M215" s="29" t="s">
        <v>2236</v>
      </c>
      <c r="N215" s="29" t="s">
        <v>2237</v>
      </c>
      <c r="O215" s="44">
        <v>90</v>
      </c>
    </row>
    <row r="216" spans="1:15" s="8" customFormat="1" ht="26.25" customHeight="1">
      <c r="A216" s="47" t="s">
        <v>1705</v>
      </c>
      <c r="B216" s="63" t="s">
        <v>2221</v>
      </c>
      <c r="C216" s="168"/>
      <c r="D216" s="49"/>
      <c r="E216" s="49"/>
      <c r="F216" s="49"/>
      <c r="G216" s="124" t="s">
        <v>895</v>
      </c>
      <c r="H216" s="50" t="s">
        <v>2222</v>
      </c>
      <c r="I216" s="51">
        <v>42458</v>
      </c>
      <c r="J216" s="52" t="s">
        <v>2669</v>
      </c>
      <c r="K216" s="43" t="s">
        <v>2240</v>
      </c>
      <c r="L216" s="53" t="s">
        <v>2223</v>
      </c>
      <c r="M216" s="125" t="s">
        <v>2238</v>
      </c>
      <c r="N216" s="125" t="s">
        <v>2239</v>
      </c>
      <c r="O216" s="54">
        <v>60</v>
      </c>
    </row>
    <row r="217" spans="1:15" s="91" customFormat="1" ht="26.25" customHeight="1">
      <c r="A217" s="23" t="s">
        <v>2502</v>
      </c>
      <c r="B217" s="130" t="s">
        <v>2503</v>
      </c>
      <c r="C217" s="131"/>
      <c r="D217" s="29"/>
      <c r="E217" s="29"/>
      <c r="F217" s="29"/>
      <c r="G217" s="24" t="s">
        <v>2488</v>
      </c>
      <c r="H217" s="128" t="s">
        <v>2504</v>
      </c>
      <c r="I217" s="25">
        <v>43158</v>
      </c>
      <c r="J217" s="26" t="s">
        <v>2773</v>
      </c>
      <c r="K217" s="6" t="s">
        <v>2610</v>
      </c>
      <c r="L217" s="7" t="s">
        <v>2505</v>
      </c>
      <c r="M217" s="114" t="s">
        <v>2608</v>
      </c>
      <c r="N217" s="114" t="s">
        <v>2609</v>
      </c>
      <c r="O217" s="45">
        <v>58</v>
      </c>
    </row>
    <row r="218" spans="1:15" s="91" customFormat="1" ht="26.25" customHeight="1">
      <c r="A218" s="23" t="s">
        <v>2502</v>
      </c>
      <c r="B218" s="130" t="s">
        <v>2506</v>
      </c>
      <c r="C218" s="131"/>
      <c r="D218" s="29"/>
      <c r="E218" s="29"/>
      <c r="F218" s="29"/>
      <c r="G218" s="24" t="s">
        <v>2488</v>
      </c>
      <c r="H218" s="128" t="s">
        <v>1923</v>
      </c>
      <c r="I218" s="25">
        <v>43158</v>
      </c>
      <c r="J218" s="26" t="s">
        <v>2508</v>
      </c>
      <c r="K218" s="27" t="s">
        <v>2611</v>
      </c>
      <c r="L218" s="103" t="s">
        <v>2507</v>
      </c>
      <c r="M218" s="103" t="s">
        <v>2612</v>
      </c>
      <c r="N218" s="103"/>
      <c r="O218" s="155">
        <v>49</v>
      </c>
    </row>
    <row r="219" spans="1:15" s="91" customFormat="1" ht="26.25" customHeight="1">
      <c r="A219" s="32" t="s">
        <v>1705</v>
      </c>
      <c r="B219" s="118" t="s">
        <v>2695</v>
      </c>
      <c r="C219" s="119"/>
      <c r="D219" s="33"/>
      <c r="E219" s="33"/>
      <c r="F219" s="40"/>
      <c r="G219" s="34" t="s">
        <v>2696</v>
      </c>
      <c r="H219" s="35" t="s">
        <v>2697</v>
      </c>
      <c r="I219" s="36">
        <v>43551</v>
      </c>
      <c r="J219" s="37" t="s">
        <v>2746</v>
      </c>
      <c r="K219" s="38" t="s">
        <v>2759</v>
      </c>
      <c r="L219" s="179" t="s">
        <v>2698</v>
      </c>
      <c r="M219" s="179"/>
      <c r="N219" s="179"/>
      <c r="O219" s="180">
        <v>120</v>
      </c>
    </row>
    <row r="220" spans="1:15" s="8" customFormat="1" ht="26.25" customHeight="1">
      <c r="A220" s="15" t="s">
        <v>760</v>
      </c>
      <c r="B220" s="16" t="s">
        <v>761</v>
      </c>
      <c r="C220" s="110"/>
      <c r="D220" s="17"/>
      <c r="E220" s="17"/>
      <c r="F220" s="115" t="str">
        <f t="shared" si="8"/>
        <v>　</v>
      </c>
      <c r="G220" s="113" t="s">
        <v>1659</v>
      </c>
      <c r="H220" s="123" t="s">
        <v>760</v>
      </c>
      <c r="I220" s="18">
        <v>19206</v>
      </c>
      <c r="J220" s="19" t="s">
        <v>2350</v>
      </c>
      <c r="K220" s="20" t="s">
        <v>1579</v>
      </c>
      <c r="L220" s="21" t="s">
        <v>762</v>
      </c>
      <c r="M220" s="20" t="s">
        <v>1580</v>
      </c>
      <c r="N220" s="20" t="s">
        <v>1581</v>
      </c>
      <c r="O220" s="153">
        <v>90</v>
      </c>
    </row>
    <row r="221" spans="1:15" s="8" customFormat="1" ht="26.25" customHeight="1">
      <c r="A221" s="23" t="s">
        <v>760</v>
      </c>
      <c r="B221" s="116" t="s">
        <v>763</v>
      </c>
      <c r="C221" s="117"/>
      <c r="D221" s="129"/>
      <c r="E221" s="129"/>
      <c r="F221" s="29" t="str">
        <f t="shared" si="8"/>
        <v>　</v>
      </c>
      <c r="G221" s="24" t="s">
        <v>1659</v>
      </c>
      <c r="H221" s="128" t="s">
        <v>760</v>
      </c>
      <c r="I221" s="25">
        <v>26390</v>
      </c>
      <c r="J221" s="26" t="s">
        <v>2351</v>
      </c>
      <c r="K221" s="27" t="s">
        <v>1582</v>
      </c>
      <c r="L221" s="28" t="s">
        <v>1145</v>
      </c>
      <c r="M221" s="27" t="s">
        <v>367</v>
      </c>
      <c r="N221" s="27" t="s">
        <v>367</v>
      </c>
      <c r="O221" s="44">
        <v>90</v>
      </c>
    </row>
    <row r="222" spans="1:15" s="8" customFormat="1" ht="26.25" customHeight="1">
      <c r="A222" s="23" t="s">
        <v>760</v>
      </c>
      <c r="B222" s="116" t="s">
        <v>754</v>
      </c>
      <c r="C222" s="117"/>
      <c r="D222" s="129"/>
      <c r="E222" s="129"/>
      <c r="F222" s="29" t="str">
        <f t="shared" si="8"/>
        <v>　</v>
      </c>
      <c r="G222" s="24" t="s">
        <v>895</v>
      </c>
      <c r="H222" s="128" t="s">
        <v>939</v>
      </c>
      <c r="I222" s="25">
        <v>17654</v>
      </c>
      <c r="J222" s="26" t="s">
        <v>462</v>
      </c>
      <c r="K222" s="27" t="s">
        <v>1583</v>
      </c>
      <c r="L222" s="28" t="s">
        <v>242</v>
      </c>
      <c r="M222" s="27" t="s">
        <v>1584</v>
      </c>
      <c r="N222" s="27" t="s">
        <v>1585</v>
      </c>
      <c r="O222" s="44">
        <v>180</v>
      </c>
    </row>
    <row r="223" spans="1:15" s="8" customFormat="1" ht="26.25" customHeight="1">
      <c r="A223" s="23" t="s">
        <v>760</v>
      </c>
      <c r="B223" s="116" t="s">
        <v>1184</v>
      </c>
      <c r="C223" s="117"/>
      <c r="D223" s="129"/>
      <c r="E223" s="129"/>
      <c r="F223" s="29" t="str">
        <f t="shared" si="8"/>
        <v>　</v>
      </c>
      <c r="G223" s="24" t="s">
        <v>895</v>
      </c>
      <c r="H223" s="128" t="s">
        <v>1660</v>
      </c>
      <c r="I223" s="25">
        <v>18077</v>
      </c>
      <c r="J223" s="26" t="s">
        <v>2260</v>
      </c>
      <c r="K223" s="27" t="s">
        <v>1586</v>
      </c>
      <c r="L223" s="28" t="s">
        <v>243</v>
      </c>
      <c r="M223" s="27" t="s">
        <v>1587</v>
      </c>
      <c r="N223" s="27" t="s">
        <v>1588</v>
      </c>
      <c r="O223" s="44">
        <v>150</v>
      </c>
    </row>
    <row r="224" spans="1:15" s="8" customFormat="1" ht="26.25" customHeight="1">
      <c r="A224" s="1" t="s">
        <v>760</v>
      </c>
      <c r="B224" s="2" t="s">
        <v>1185</v>
      </c>
      <c r="C224" s="167"/>
      <c r="D224" s="3"/>
      <c r="E224" s="3"/>
      <c r="F224" s="114" t="str">
        <f t="shared" si="8"/>
        <v>　</v>
      </c>
      <c r="G224" s="112" t="s">
        <v>895</v>
      </c>
      <c r="H224" s="122" t="s">
        <v>1660</v>
      </c>
      <c r="I224" s="4">
        <v>28764</v>
      </c>
      <c r="J224" s="5" t="s">
        <v>1862</v>
      </c>
      <c r="K224" s="6" t="s">
        <v>1589</v>
      </c>
      <c r="L224" s="7" t="s">
        <v>244</v>
      </c>
      <c r="M224" s="6" t="s">
        <v>1590</v>
      </c>
      <c r="N224" s="6" t="s">
        <v>1591</v>
      </c>
      <c r="O224" s="45">
        <v>120</v>
      </c>
    </row>
    <row r="225" spans="1:15" s="8" customFormat="1" ht="26.25" customHeight="1">
      <c r="A225" s="23" t="s">
        <v>760</v>
      </c>
      <c r="B225" s="116" t="s">
        <v>1928</v>
      </c>
      <c r="C225" s="117"/>
      <c r="D225" s="129"/>
      <c r="E225" s="129"/>
      <c r="F225" s="29" t="str">
        <f t="shared" ref="F225:F226" si="9">IF(O225="","",IF(O225&lt;60,"○","　"))</f>
        <v>○</v>
      </c>
      <c r="G225" s="24" t="s">
        <v>601</v>
      </c>
      <c r="H225" s="128" t="s">
        <v>1929</v>
      </c>
      <c r="I225" s="25">
        <v>42094</v>
      </c>
      <c r="J225" s="26" t="s">
        <v>1930</v>
      </c>
      <c r="K225" s="27" t="s">
        <v>1966</v>
      </c>
      <c r="L225" s="28" t="s">
        <v>1931</v>
      </c>
      <c r="M225" s="27" t="s">
        <v>2039</v>
      </c>
      <c r="N225" s="27"/>
      <c r="O225" s="44">
        <v>40</v>
      </c>
    </row>
    <row r="226" spans="1:15" s="8" customFormat="1" ht="26.25" customHeight="1">
      <c r="A226" s="32" t="s">
        <v>760</v>
      </c>
      <c r="B226" s="104" t="s">
        <v>2268</v>
      </c>
      <c r="C226" s="169"/>
      <c r="D226" s="56"/>
      <c r="E226" s="56"/>
      <c r="F226" s="56" t="str">
        <f t="shared" si="9"/>
        <v>　</v>
      </c>
      <c r="G226" s="57" t="s">
        <v>895</v>
      </c>
      <c r="H226" s="35" t="s">
        <v>720</v>
      </c>
      <c r="I226" s="59">
        <v>42461</v>
      </c>
      <c r="J226" s="60" t="s">
        <v>2269</v>
      </c>
      <c r="K226" s="61" t="s">
        <v>2279</v>
      </c>
      <c r="L226" s="62" t="s">
        <v>2270</v>
      </c>
      <c r="M226" s="61" t="s">
        <v>2278</v>
      </c>
      <c r="N226" s="61"/>
      <c r="O226" s="93">
        <v>110</v>
      </c>
    </row>
    <row r="227" spans="1:15" s="8" customFormat="1" ht="26.25" customHeight="1">
      <c r="A227" s="15" t="s">
        <v>1186</v>
      </c>
      <c r="B227" s="16" t="s">
        <v>1187</v>
      </c>
      <c r="C227" s="110"/>
      <c r="D227" s="17"/>
      <c r="E227" s="17"/>
      <c r="F227" s="17" t="str">
        <f t="shared" si="8"/>
        <v>　</v>
      </c>
      <c r="G227" s="113" t="s">
        <v>895</v>
      </c>
      <c r="H227" s="123" t="s">
        <v>940</v>
      </c>
      <c r="I227" s="18">
        <v>26024</v>
      </c>
      <c r="J227" s="19" t="s">
        <v>463</v>
      </c>
      <c r="K227" s="20" t="s">
        <v>1592</v>
      </c>
      <c r="L227" s="21" t="s">
        <v>832</v>
      </c>
      <c r="M227" s="20" t="s">
        <v>1593</v>
      </c>
      <c r="N227" s="20" t="s">
        <v>368</v>
      </c>
      <c r="O227" s="153">
        <v>60</v>
      </c>
    </row>
    <row r="228" spans="1:15" s="8" customFormat="1" ht="26.25" customHeight="1">
      <c r="A228" s="23" t="s">
        <v>1186</v>
      </c>
      <c r="B228" s="116" t="s">
        <v>1188</v>
      </c>
      <c r="C228" s="117"/>
      <c r="D228" s="129"/>
      <c r="E228" s="129"/>
      <c r="F228" s="129" t="str">
        <f t="shared" si="8"/>
        <v>　</v>
      </c>
      <c r="G228" s="24" t="s">
        <v>895</v>
      </c>
      <c r="H228" s="128" t="s">
        <v>941</v>
      </c>
      <c r="I228" s="25">
        <v>19815</v>
      </c>
      <c r="J228" s="26" t="s">
        <v>2644</v>
      </c>
      <c r="K228" s="27" t="s">
        <v>1594</v>
      </c>
      <c r="L228" s="28" t="s">
        <v>245</v>
      </c>
      <c r="M228" s="27" t="s">
        <v>1595</v>
      </c>
      <c r="N228" s="27" t="s">
        <v>369</v>
      </c>
      <c r="O228" s="44">
        <v>90</v>
      </c>
    </row>
    <row r="229" spans="1:15" s="8" customFormat="1" ht="26.25" customHeight="1">
      <c r="A229" s="23" t="s">
        <v>1186</v>
      </c>
      <c r="B229" s="116" t="s">
        <v>755</v>
      </c>
      <c r="C229" s="117"/>
      <c r="D229" s="129"/>
      <c r="E229" s="129"/>
      <c r="F229" s="129" t="str">
        <f t="shared" si="8"/>
        <v>　</v>
      </c>
      <c r="G229" s="24" t="s">
        <v>895</v>
      </c>
      <c r="H229" s="128" t="s">
        <v>941</v>
      </c>
      <c r="I229" s="25">
        <v>28216</v>
      </c>
      <c r="J229" s="26" t="s">
        <v>2618</v>
      </c>
      <c r="K229" s="27" t="s">
        <v>1596</v>
      </c>
      <c r="L229" s="28" t="s">
        <v>246</v>
      </c>
      <c r="M229" s="27" t="s">
        <v>1597</v>
      </c>
      <c r="N229" s="27" t="s">
        <v>370</v>
      </c>
      <c r="O229" s="44">
        <v>150</v>
      </c>
    </row>
    <row r="230" spans="1:15" s="8" customFormat="1" ht="26.25" customHeight="1">
      <c r="A230" s="32" t="s">
        <v>1186</v>
      </c>
      <c r="B230" s="118" t="s">
        <v>829</v>
      </c>
      <c r="C230" s="119"/>
      <c r="D230" s="40"/>
      <c r="E230" s="33"/>
      <c r="F230" s="3" t="str">
        <f t="shared" si="8"/>
        <v>　</v>
      </c>
      <c r="G230" s="34" t="s">
        <v>1317</v>
      </c>
      <c r="H230" s="35" t="s">
        <v>1023</v>
      </c>
      <c r="I230" s="36">
        <v>21276</v>
      </c>
      <c r="J230" s="37" t="s">
        <v>464</v>
      </c>
      <c r="K230" s="38" t="s">
        <v>0</v>
      </c>
      <c r="L230" s="39" t="s">
        <v>247</v>
      </c>
      <c r="M230" s="38" t="s">
        <v>1</v>
      </c>
      <c r="N230" s="38" t="s">
        <v>371</v>
      </c>
      <c r="O230" s="156">
        <v>60</v>
      </c>
    </row>
    <row r="231" spans="1:15" s="8" customFormat="1" ht="26.25" customHeight="1">
      <c r="A231" s="23" t="s">
        <v>830</v>
      </c>
      <c r="B231" s="116" t="s">
        <v>831</v>
      </c>
      <c r="C231" s="117"/>
      <c r="D231" s="129"/>
      <c r="E231" s="129"/>
      <c r="F231" s="29" t="str">
        <f t="shared" si="8"/>
        <v>　</v>
      </c>
      <c r="G231" s="24" t="s">
        <v>895</v>
      </c>
      <c r="H231" s="128" t="s">
        <v>969</v>
      </c>
      <c r="I231" s="25">
        <v>26390</v>
      </c>
      <c r="J231" s="26" t="s">
        <v>1661</v>
      </c>
      <c r="K231" s="27" t="s">
        <v>3</v>
      </c>
      <c r="L231" s="28" t="s">
        <v>248</v>
      </c>
      <c r="M231" s="27" t="s">
        <v>4</v>
      </c>
      <c r="N231" s="27" t="s">
        <v>372</v>
      </c>
      <c r="O231" s="44">
        <v>150</v>
      </c>
    </row>
    <row r="232" spans="1:15" s="8" customFormat="1" ht="26.25" customHeight="1">
      <c r="A232" s="23" t="s">
        <v>830</v>
      </c>
      <c r="B232" s="116" t="s">
        <v>1275</v>
      </c>
      <c r="C232" s="117"/>
      <c r="D232" s="129"/>
      <c r="E232" s="129"/>
      <c r="F232" s="29" t="str">
        <f t="shared" si="8"/>
        <v>　</v>
      </c>
      <c r="G232" s="24" t="s">
        <v>895</v>
      </c>
      <c r="H232" s="128" t="s">
        <v>970</v>
      </c>
      <c r="I232" s="25">
        <v>27576</v>
      </c>
      <c r="J232" s="26" t="s">
        <v>2394</v>
      </c>
      <c r="K232" s="27" t="s">
        <v>5</v>
      </c>
      <c r="L232" s="28" t="s">
        <v>249</v>
      </c>
      <c r="M232" s="27" t="s">
        <v>6</v>
      </c>
      <c r="N232" s="27" t="s">
        <v>373</v>
      </c>
      <c r="O232" s="44">
        <v>100</v>
      </c>
    </row>
    <row r="233" spans="1:15" s="8" customFormat="1" ht="26.25" customHeight="1">
      <c r="A233" s="23" t="s">
        <v>830</v>
      </c>
      <c r="B233" s="116" t="s">
        <v>1266</v>
      </c>
      <c r="C233" s="117"/>
      <c r="D233" s="129"/>
      <c r="E233" s="129"/>
      <c r="F233" s="29" t="str">
        <f t="shared" si="8"/>
        <v>　</v>
      </c>
      <c r="G233" s="24" t="s">
        <v>895</v>
      </c>
      <c r="H233" s="128" t="s">
        <v>971</v>
      </c>
      <c r="I233" s="25">
        <v>28580</v>
      </c>
      <c r="J233" s="26" t="s">
        <v>2583</v>
      </c>
      <c r="K233" s="27" t="s">
        <v>7</v>
      </c>
      <c r="L233" s="28" t="s">
        <v>250</v>
      </c>
      <c r="M233" s="27" t="s">
        <v>8</v>
      </c>
      <c r="N233" s="27" t="s">
        <v>374</v>
      </c>
      <c r="O233" s="44">
        <v>100</v>
      </c>
    </row>
    <row r="234" spans="1:15" s="8" customFormat="1" ht="26.25" customHeight="1">
      <c r="A234" s="23" t="s">
        <v>830</v>
      </c>
      <c r="B234" s="116" t="s">
        <v>961</v>
      </c>
      <c r="C234" s="117"/>
      <c r="D234" s="129"/>
      <c r="E234" s="129"/>
      <c r="F234" s="29" t="str">
        <f t="shared" si="8"/>
        <v>　</v>
      </c>
      <c r="G234" s="24" t="s">
        <v>895</v>
      </c>
      <c r="H234" s="128" t="s">
        <v>971</v>
      </c>
      <c r="I234" s="25">
        <v>38322</v>
      </c>
      <c r="J234" s="26" t="s">
        <v>2584</v>
      </c>
      <c r="K234" s="27" t="s">
        <v>2</v>
      </c>
      <c r="L234" s="28" t="s">
        <v>251</v>
      </c>
      <c r="M234" s="27" t="s">
        <v>9</v>
      </c>
      <c r="N234" s="27" t="s">
        <v>10</v>
      </c>
      <c r="O234" s="44">
        <v>90</v>
      </c>
    </row>
    <row r="235" spans="1:15" s="8" customFormat="1" ht="26.25" customHeight="1">
      <c r="A235" s="23" t="s">
        <v>830</v>
      </c>
      <c r="B235" s="116" t="s">
        <v>730</v>
      </c>
      <c r="C235" s="117"/>
      <c r="D235" s="129"/>
      <c r="E235" s="129"/>
      <c r="F235" s="29" t="str">
        <f t="shared" si="8"/>
        <v>　</v>
      </c>
      <c r="G235" s="24" t="s">
        <v>895</v>
      </c>
      <c r="H235" s="128" t="s">
        <v>972</v>
      </c>
      <c r="I235" s="25">
        <v>27576</v>
      </c>
      <c r="J235" s="26" t="s">
        <v>1662</v>
      </c>
      <c r="K235" s="27" t="s">
        <v>11</v>
      </c>
      <c r="L235" s="28" t="s">
        <v>252</v>
      </c>
      <c r="M235" s="27" t="s">
        <v>12</v>
      </c>
      <c r="N235" s="27" t="s">
        <v>375</v>
      </c>
      <c r="O235" s="44">
        <v>90</v>
      </c>
    </row>
    <row r="236" spans="1:15" s="8" customFormat="1" ht="26.25" customHeight="1">
      <c r="A236" s="23" t="s">
        <v>830</v>
      </c>
      <c r="B236" s="116" t="s">
        <v>833</v>
      </c>
      <c r="C236" s="117"/>
      <c r="D236" s="129"/>
      <c r="E236" s="129"/>
      <c r="F236" s="29" t="str">
        <f t="shared" si="8"/>
        <v>　</v>
      </c>
      <c r="G236" s="24" t="s">
        <v>895</v>
      </c>
      <c r="H236" s="128" t="s">
        <v>973</v>
      </c>
      <c r="I236" s="25">
        <v>27824</v>
      </c>
      <c r="J236" s="26" t="s">
        <v>1663</v>
      </c>
      <c r="K236" s="27" t="s">
        <v>13</v>
      </c>
      <c r="L236" s="28" t="s">
        <v>253</v>
      </c>
      <c r="M236" s="27" t="s">
        <v>14</v>
      </c>
      <c r="N236" s="27" t="s">
        <v>376</v>
      </c>
      <c r="O236" s="44">
        <v>60</v>
      </c>
    </row>
    <row r="237" spans="1:15" s="8" customFormat="1" ht="26.25" customHeight="1">
      <c r="A237" s="23" t="s">
        <v>830</v>
      </c>
      <c r="B237" s="116" t="s">
        <v>731</v>
      </c>
      <c r="C237" s="117"/>
      <c r="D237" s="129"/>
      <c r="E237" s="129"/>
      <c r="F237" s="29" t="str">
        <f t="shared" si="8"/>
        <v>　</v>
      </c>
      <c r="G237" s="24" t="s">
        <v>895</v>
      </c>
      <c r="H237" s="128" t="s">
        <v>974</v>
      </c>
      <c r="I237" s="25">
        <v>28095</v>
      </c>
      <c r="J237" s="26" t="s">
        <v>1664</v>
      </c>
      <c r="K237" s="27" t="s">
        <v>15</v>
      </c>
      <c r="L237" s="28" t="s">
        <v>254</v>
      </c>
      <c r="M237" s="27" t="s">
        <v>16</v>
      </c>
      <c r="N237" s="27" t="s">
        <v>382</v>
      </c>
      <c r="O237" s="44">
        <v>120</v>
      </c>
    </row>
    <row r="238" spans="1:15" s="8" customFormat="1" ht="26.25" customHeight="1">
      <c r="A238" s="23" t="s">
        <v>830</v>
      </c>
      <c r="B238" s="116" t="s">
        <v>732</v>
      </c>
      <c r="C238" s="117"/>
      <c r="D238" s="129"/>
      <c r="E238" s="129"/>
      <c r="F238" s="29" t="str">
        <f t="shared" si="8"/>
        <v>　</v>
      </c>
      <c r="G238" s="24" t="s">
        <v>895</v>
      </c>
      <c r="H238" s="128" t="s">
        <v>975</v>
      </c>
      <c r="I238" s="25">
        <v>29312</v>
      </c>
      <c r="J238" s="26" t="s">
        <v>1665</v>
      </c>
      <c r="K238" s="27" t="s">
        <v>944</v>
      </c>
      <c r="L238" s="28" t="s">
        <v>255</v>
      </c>
      <c r="M238" s="27" t="s">
        <v>17</v>
      </c>
      <c r="N238" s="27" t="s">
        <v>383</v>
      </c>
      <c r="O238" s="44">
        <v>75</v>
      </c>
    </row>
    <row r="239" spans="1:15" s="8" customFormat="1" ht="26.25" customHeight="1">
      <c r="A239" s="23" t="s">
        <v>830</v>
      </c>
      <c r="B239" s="116" t="s">
        <v>733</v>
      </c>
      <c r="C239" s="117"/>
      <c r="D239" s="129"/>
      <c r="E239" s="129"/>
      <c r="F239" s="29" t="str">
        <f t="shared" si="8"/>
        <v>　</v>
      </c>
      <c r="G239" s="24" t="s">
        <v>895</v>
      </c>
      <c r="H239" s="128" t="s">
        <v>976</v>
      </c>
      <c r="I239" s="25">
        <v>31685</v>
      </c>
      <c r="J239" s="26" t="s">
        <v>1666</v>
      </c>
      <c r="K239" s="27" t="s">
        <v>945</v>
      </c>
      <c r="L239" s="28" t="s">
        <v>256</v>
      </c>
      <c r="M239" s="27" t="s">
        <v>18</v>
      </c>
      <c r="N239" s="27" t="s">
        <v>384</v>
      </c>
      <c r="O239" s="44">
        <v>90</v>
      </c>
    </row>
    <row r="240" spans="1:15" s="8" customFormat="1" ht="26.25" customHeight="1">
      <c r="A240" s="23" t="s">
        <v>830</v>
      </c>
      <c r="B240" s="116" t="s">
        <v>617</v>
      </c>
      <c r="C240" s="117" t="s">
        <v>1667</v>
      </c>
      <c r="D240" s="129"/>
      <c r="E240" s="129"/>
      <c r="F240" s="29"/>
      <c r="G240" s="24" t="s">
        <v>895</v>
      </c>
      <c r="H240" s="128" t="s">
        <v>977</v>
      </c>
      <c r="I240" s="25">
        <v>37895</v>
      </c>
      <c r="J240" s="26" t="s">
        <v>465</v>
      </c>
      <c r="K240" s="27" t="s">
        <v>3</v>
      </c>
      <c r="L240" s="28" t="s">
        <v>963</v>
      </c>
      <c r="M240" s="27" t="s">
        <v>4</v>
      </c>
      <c r="N240" s="27" t="s">
        <v>372</v>
      </c>
      <c r="O240" s="44">
        <v>20</v>
      </c>
    </row>
    <row r="241" spans="1:15" s="8" customFormat="1" ht="26.25" customHeight="1">
      <c r="A241" s="1" t="s">
        <v>830</v>
      </c>
      <c r="B241" s="2" t="s">
        <v>221</v>
      </c>
      <c r="C241" s="167"/>
      <c r="D241" s="3"/>
      <c r="E241" s="3"/>
      <c r="F241" s="29" t="str">
        <f t="shared" si="8"/>
        <v>　</v>
      </c>
      <c r="G241" s="112" t="s">
        <v>895</v>
      </c>
      <c r="H241" s="122" t="s">
        <v>978</v>
      </c>
      <c r="I241" s="4">
        <v>37377</v>
      </c>
      <c r="J241" s="5" t="s">
        <v>1668</v>
      </c>
      <c r="K241" s="6" t="s">
        <v>222</v>
      </c>
      <c r="L241" s="7" t="s">
        <v>257</v>
      </c>
      <c r="M241" s="6" t="s">
        <v>223</v>
      </c>
      <c r="N241" s="6" t="s">
        <v>385</v>
      </c>
      <c r="O241" s="45">
        <v>60</v>
      </c>
    </row>
    <row r="242" spans="1:15" s="8" customFormat="1" ht="26.25" customHeight="1">
      <c r="A242" s="1" t="s">
        <v>830</v>
      </c>
      <c r="B242" s="2" t="s">
        <v>224</v>
      </c>
      <c r="C242" s="167"/>
      <c r="D242" s="114"/>
      <c r="E242" s="3"/>
      <c r="F242" s="114" t="str">
        <f t="shared" si="8"/>
        <v>　</v>
      </c>
      <c r="G242" s="112" t="s">
        <v>895</v>
      </c>
      <c r="H242" s="122" t="s">
        <v>973</v>
      </c>
      <c r="I242" s="4">
        <v>40634</v>
      </c>
      <c r="J242" s="5" t="s">
        <v>466</v>
      </c>
      <c r="K242" s="6" t="s">
        <v>15</v>
      </c>
      <c r="L242" s="7" t="s">
        <v>1036</v>
      </c>
      <c r="M242" s="6" t="s">
        <v>19</v>
      </c>
      <c r="N242" s="6" t="s">
        <v>20</v>
      </c>
      <c r="O242" s="45">
        <v>75</v>
      </c>
    </row>
    <row r="243" spans="1:15" s="8" customFormat="1" ht="26.25" customHeight="1">
      <c r="A243" s="1" t="s">
        <v>1715</v>
      </c>
      <c r="B243" s="2" t="s">
        <v>1716</v>
      </c>
      <c r="C243" s="167"/>
      <c r="D243" s="3"/>
      <c r="E243" s="3"/>
      <c r="F243" s="3" t="str">
        <f t="shared" si="8"/>
        <v>　</v>
      </c>
      <c r="G243" s="112" t="s">
        <v>1717</v>
      </c>
      <c r="H243" s="122" t="s">
        <v>1718</v>
      </c>
      <c r="I243" s="4">
        <v>41726</v>
      </c>
      <c r="J243" s="5" t="s">
        <v>1719</v>
      </c>
      <c r="K243" s="6" t="s">
        <v>1720</v>
      </c>
      <c r="L243" s="7" t="s">
        <v>1721</v>
      </c>
      <c r="M243" s="6" t="s">
        <v>1774</v>
      </c>
      <c r="N243" s="6" t="s">
        <v>1775</v>
      </c>
      <c r="O243" s="45">
        <v>60</v>
      </c>
    </row>
    <row r="244" spans="1:15" s="8" customFormat="1" ht="26.25" customHeight="1">
      <c r="A244" s="23" t="s">
        <v>830</v>
      </c>
      <c r="B244" s="116" t="s">
        <v>1872</v>
      </c>
      <c r="C244" s="117"/>
      <c r="D244" s="129"/>
      <c r="E244" s="129"/>
      <c r="F244" s="129" t="str">
        <f t="shared" si="8"/>
        <v>　</v>
      </c>
      <c r="G244" s="24" t="s">
        <v>601</v>
      </c>
      <c r="H244" s="128" t="s">
        <v>1873</v>
      </c>
      <c r="I244" s="25">
        <v>42074</v>
      </c>
      <c r="J244" s="26" t="s">
        <v>1874</v>
      </c>
      <c r="K244" s="27" t="s">
        <v>1967</v>
      </c>
      <c r="L244" s="28" t="s">
        <v>1875</v>
      </c>
      <c r="M244" s="27" t="s">
        <v>2057</v>
      </c>
      <c r="N244" s="27"/>
      <c r="O244" s="44">
        <v>68</v>
      </c>
    </row>
    <row r="245" spans="1:15" s="8" customFormat="1" ht="26.25" customHeight="1">
      <c r="A245" s="23" t="s">
        <v>830</v>
      </c>
      <c r="B245" s="116" t="s">
        <v>2119</v>
      </c>
      <c r="C245" s="117"/>
      <c r="D245" s="129"/>
      <c r="E245" s="129"/>
      <c r="F245" s="129" t="str">
        <f t="shared" si="8"/>
        <v>　</v>
      </c>
      <c r="G245" s="24" t="s">
        <v>601</v>
      </c>
      <c r="H245" s="128" t="s">
        <v>2120</v>
      </c>
      <c r="I245" s="25">
        <v>42243</v>
      </c>
      <c r="J245" s="26" t="s">
        <v>2318</v>
      </c>
      <c r="K245" s="27" t="s">
        <v>1720</v>
      </c>
      <c r="L245" s="28" t="s">
        <v>2126</v>
      </c>
      <c r="M245" s="27" t="s">
        <v>2127</v>
      </c>
      <c r="N245" s="27"/>
      <c r="O245" s="44">
        <v>67</v>
      </c>
    </row>
    <row r="246" spans="1:15" s="8" customFormat="1" ht="26.25" customHeight="1">
      <c r="A246" s="23" t="s">
        <v>830</v>
      </c>
      <c r="B246" s="116" t="s">
        <v>2181</v>
      </c>
      <c r="C246" s="117"/>
      <c r="D246" s="129"/>
      <c r="E246" s="129"/>
      <c r="F246" s="129" t="str">
        <f t="shared" ref="F246:F250" si="10">IF(O246="","",IF(O246&lt;60,"○","　"))</f>
        <v>　</v>
      </c>
      <c r="G246" s="24" t="s">
        <v>895</v>
      </c>
      <c r="H246" s="128" t="s">
        <v>2182</v>
      </c>
      <c r="I246" s="25">
        <v>42458</v>
      </c>
      <c r="J246" s="26" t="s">
        <v>2183</v>
      </c>
      <c r="K246" s="27" t="s">
        <v>2185</v>
      </c>
      <c r="L246" s="28" t="s">
        <v>2184</v>
      </c>
      <c r="M246" s="27" t="s">
        <v>2449</v>
      </c>
      <c r="N246" s="27"/>
      <c r="O246" s="44">
        <v>90</v>
      </c>
    </row>
    <row r="247" spans="1:15" s="8" customFormat="1" ht="26.25" customHeight="1">
      <c r="A247" s="47" t="s">
        <v>830</v>
      </c>
      <c r="B247" s="63" t="s">
        <v>2312</v>
      </c>
      <c r="C247" s="168"/>
      <c r="D247" s="49"/>
      <c r="E247" s="49"/>
      <c r="F247" s="49" t="str">
        <f t="shared" si="10"/>
        <v>　</v>
      </c>
      <c r="G247" s="124" t="s">
        <v>601</v>
      </c>
      <c r="H247" s="50" t="s">
        <v>2313</v>
      </c>
      <c r="I247" s="51">
        <v>42488</v>
      </c>
      <c r="J247" s="52" t="s">
        <v>2314</v>
      </c>
      <c r="K247" s="43" t="s">
        <v>2315</v>
      </c>
      <c r="L247" s="53" t="s">
        <v>2316</v>
      </c>
      <c r="M247" s="43" t="s">
        <v>2317</v>
      </c>
      <c r="N247" s="43" t="s">
        <v>2317</v>
      </c>
      <c r="O247" s="54">
        <v>70</v>
      </c>
    </row>
    <row r="248" spans="1:15" s="97" customFormat="1" ht="26.25" customHeight="1">
      <c r="A248" s="23" t="s">
        <v>830</v>
      </c>
      <c r="B248" s="130" t="s">
        <v>2509</v>
      </c>
      <c r="C248" s="131"/>
      <c r="D248" s="128"/>
      <c r="E248" s="128"/>
      <c r="F248" s="128" t="str">
        <f t="shared" si="10"/>
        <v>○</v>
      </c>
      <c r="G248" s="24" t="s">
        <v>2510</v>
      </c>
      <c r="H248" s="128" t="s">
        <v>2511</v>
      </c>
      <c r="I248" s="25">
        <v>43186</v>
      </c>
      <c r="J248" s="24" t="s">
        <v>2513</v>
      </c>
      <c r="K248" s="22"/>
      <c r="L248" s="28" t="s">
        <v>2512</v>
      </c>
      <c r="M248" s="22"/>
      <c r="N248" s="22"/>
      <c r="O248" s="44">
        <v>30</v>
      </c>
    </row>
    <row r="249" spans="1:15" s="22" customFormat="1" ht="26.25" customHeight="1">
      <c r="A249" s="47" t="s">
        <v>830</v>
      </c>
      <c r="B249" s="130" t="s">
        <v>2514</v>
      </c>
      <c r="C249" s="131"/>
      <c r="D249" s="128"/>
      <c r="E249" s="128"/>
      <c r="F249" s="128" t="str">
        <f t="shared" si="10"/>
        <v>　</v>
      </c>
      <c r="G249" s="24" t="s">
        <v>2492</v>
      </c>
      <c r="H249" s="128" t="s">
        <v>2515</v>
      </c>
      <c r="I249" s="25">
        <v>43094</v>
      </c>
      <c r="J249" s="24" t="s">
        <v>2516</v>
      </c>
      <c r="L249" s="28" t="s">
        <v>2517</v>
      </c>
      <c r="O249" s="44">
        <v>90</v>
      </c>
    </row>
    <row r="250" spans="1:15" s="97" customFormat="1" ht="26.25" customHeight="1">
      <c r="A250" s="23" t="s">
        <v>830</v>
      </c>
      <c r="B250" s="130" t="s">
        <v>2622</v>
      </c>
      <c r="C250" s="131"/>
      <c r="D250" s="128"/>
      <c r="E250" s="128"/>
      <c r="F250" s="128" t="str">
        <f t="shared" si="10"/>
        <v>○</v>
      </c>
      <c r="G250" s="24" t="s">
        <v>2492</v>
      </c>
      <c r="H250" s="128" t="s">
        <v>2518</v>
      </c>
      <c r="I250" s="25">
        <v>43187</v>
      </c>
      <c r="J250" s="24" t="s">
        <v>2519</v>
      </c>
      <c r="K250" s="22"/>
      <c r="L250" s="28" t="s">
        <v>2520</v>
      </c>
      <c r="M250" s="22"/>
      <c r="N250" s="22"/>
      <c r="O250" s="44">
        <v>30</v>
      </c>
    </row>
    <row r="251" spans="1:15" s="97" customFormat="1" ht="26.25" customHeight="1">
      <c r="A251" s="47" t="s">
        <v>830</v>
      </c>
      <c r="B251" s="130" t="s">
        <v>2521</v>
      </c>
      <c r="C251" s="131"/>
      <c r="D251" s="128"/>
      <c r="E251" s="128"/>
      <c r="F251" s="128"/>
      <c r="G251" s="24" t="s">
        <v>2488</v>
      </c>
      <c r="H251" s="128" t="s">
        <v>2522</v>
      </c>
      <c r="I251" s="25">
        <v>43187</v>
      </c>
      <c r="J251" s="24" t="s">
        <v>2524</v>
      </c>
      <c r="K251" s="22"/>
      <c r="L251" s="28" t="s">
        <v>2523</v>
      </c>
      <c r="M251" s="22"/>
      <c r="N251" s="22"/>
      <c r="O251" s="44">
        <v>65</v>
      </c>
    </row>
    <row r="252" spans="1:15" s="97" customFormat="1" ht="26.25" customHeight="1">
      <c r="A252" s="23" t="s">
        <v>830</v>
      </c>
      <c r="B252" s="116" t="s">
        <v>2525</v>
      </c>
      <c r="C252" s="117" t="s">
        <v>2658</v>
      </c>
      <c r="D252" s="128"/>
      <c r="E252" s="128"/>
      <c r="F252" s="128"/>
      <c r="G252" s="24" t="s">
        <v>895</v>
      </c>
      <c r="H252" s="128" t="s">
        <v>2526</v>
      </c>
      <c r="I252" s="25">
        <v>43187</v>
      </c>
      <c r="J252" s="24" t="s">
        <v>2527</v>
      </c>
      <c r="K252" s="22"/>
      <c r="L252" s="28" t="s">
        <v>2528</v>
      </c>
      <c r="M252" s="22"/>
      <c r="N252" s="22"/>
      <c r="O252" s="44">
        <v>51</v>
      </c>
    </row>
    <row r="253" spans="1:15" s="97" customFormat="1" ht="26.25" customHeight="1">
      <c r="A253" s="32" t="s">
        <v>830</v>
      </c>
      <c r="B253" s="150" t="s">
        <v>2529</v>
      </c>
      <c r="C253" s="151"/>
      <c r="D253" s="35"/>
      <c r="E253" s="35"/>
      <c r="F253" s="35"/>
      <c r="G253" s="34" t="s">
        <v>895</v>
      </c>
      <c r="H253" s="35" t="s">
        <v>2530</v>
      </c>
      <c r="I253" s="36">
        <v>43188</v>
      </c>
      <c r="J253" s="34" t="s">
        <v>2531</v>
      </c>
      <c r="K253" s="178"/>
      <c r="L253" s="39" t="s">
        <v>2532</v>
      </c>
      <c r="M253" s="178"/>
      <c r="N253" s="178"/>
      <c r="O253" s="156">
        <v>60</v>
      </c>
    </row>
    <row r="254" spans="1:15" s="8" customFormat="1" ht="26.25" customHeight="1">
      <c r="A254" s="15" t="s">
        <v>734</v>
      </c>
      <c r="B254" s="16" t="s">
        <v>756</v>
      </c>
      <c r="C254" s="110"/>
      <c r="D254" s="17"/>
      <c r="E254" s="17"/>
      <c r="F254" s="17" t="str">
        <f t="shared" si="8"/>
        <v>　</v>
      </c>
      <c r="G254" s="113" t="s">
        <v>1659</v>
      </c>
      <c r="H254" s="123" t="s">
        <v>734</v>
      </c>
      <c r="I254" s="18">
        <v>23833</v>
      </c>
      <c r="J254" s="19" t="s">
        <v>2589</v>
      </c>
      <c r="K254" s="20" t="s">
        <v>21</v>
      </c>
      <c r="L254" s="21" t="s">
        <v>258</v>
      </c>
      <c r="M254" s="20" t="s">
        <v>22</v>
      </c>
      <c r="N254" s="20" t="s">
        <v>386</v>
      </c>
      <c r="O254" s="153">
        <v>90</v>
      </c>
    </row>
    <row r="255" spans="1:15" s="8" customFormat="1" ht="26.25" customHeight="1">
      <c r="A255" s="23" t="s">
        <v>734</v>
      </c>
      <c r="B255" s="116" t="s">
        <v>735</v>
      </c>
      <c r="C255" s="117"/>
      <c r="D255" s="129"/>
      <c r="E255" s="129"/>
      <c r="F255" s="129" t="str">
        <f t="shared" si="8"/>
        <v>　</v>
      </c>
      <c r="G255" s="24" t="s">
        <v>1659</v>
      </c>
      <c r="H255" s="128" t="s">
        <v>734</v>
      </c>
      <c r="I255" s="25">
        <v>25173</v>
      </c>
      <c r="J255" s="26" t="s">
        <v>2591</v>
      </c>
      <c r="K255" s="27" t="s">
        <v>23</v>
      </c>
      <c r="L255" s="28" t="s">
        <v>259</v>
      </c>
      <c r="M255" s="27" t="s">
        <v>24</v>
      </c>
      <c r="N255" s="27" t="s">
        <v>481</v>
      </c>
      <c r="O255" s="44">
        <v>100</v>
      </c>
    </row>
    <row r="256" spans="1:15" s="8" customFormat="1" ht="26.25" customHeight="1">
      <c r="A256" s="23" t="s">
        <v>734</v>
      </c>
      <c r="B256" s="116" t="s">
        <v>1176</v>
      </c>
      <c r="C256" s="117"/>
      <c r="D256" s="129"/>
      <c r="E256" s="129"/>
      <c r="F256" s="129" t="str">
        <f t="shared" si="8"/>
        <v>　</v>
      </c>
      <c r="G256" s="135" t="s">
        <v>1659</v>
      </c>
      <c r="H256" s="144" t="s">
        <v>734</v>
      </c>
      <c r="I256" s="25">
        <v>27485</v>
      </c>
      <c r="J256" s="26" t="s">
        <v>1669</v>
      </c>
      <c r="K256" s="27" t="s">
        <v>27</v>
      </c>
      <c r="L256" s="28" t="s">
        <v>261</v>
      </c>
      <c r="M256" s="27" t="s">
        <v>28</v>
      </c>
      <c r="N256" s="27" t="s">
        <v>482</v>
      </c>
      <c r="O256" s="44">
        <v>130</v>
      </c>
    </row>
    <row r="257" spans="1:15" s="42" customFormat="1" ht="26.25" customHeight="1">
      <c r="A257" s="23" t="s">
        <v>734</v>
      </c>
      <c r="B257" s="116" t="s">
        <v>1018</v>
      </c>
      <c r="C257" s="117"/>
      <c r="D257" s="129"/>
      <c r="E257" s="129"/>
      <c r="F257" s="129" t="str">
        <f t="shared" si="8"/>
        <v>　</v>
      </c>
      <c r="G257" s="136"/>
      <c r="H257" s="145"/>
      <c r="I257" s="25">
        <v>38078</v>
      </c>
      <c r="J257" s="26" t="s">
        <v>1669</v>
      </c>
      <c r="K257" s="27" t="s">
        <v>27</v>
      </c>
      <c r="L257" s="28" t="s">
        <v>261</v>
      </c>
      <c r="M257" s="27" t="s">
        <v>28</v>
      </c>
      <c r="N257" s="27" t="s">
        <v>482</v>
      </c>
      <c r="O257" s="44" t="s">
        <v>1670</v>
      </c>
    </row>
    <row r="258" spans="1:15" s="8" customFormat="1" ht="26.25" customHeight="1">
      <c r="A258" s="23" t="s">
        <v>734</v>
      </c>
      <c r="B258" s="116" t="s">
        <v>638</v>
      </c>
      <c r="C258" s="117"/>
      <c r="D258" s="129"/>
      <c r="E258" s="129"/>
      <c r="F258" s="129" t="str">
        <f t="shared" si="8"/>
        <v>　</v>
      </c>
      <c r="G258" s="24" t="s">
        <v>1659</v>
      </c>
      <c r="H258" s="128" t="s">
        <v>734</v>
      </c>
      <c r="I258" s="25">
        <v>19450</v>
      </c>
      <c r="J258" s="26" t="s">
        <v>2590</v>
      </c>
      <c r="K258" s="27" t="s">
        <v>29</v>
      </c>
      <c r="L258" s="28" t="s">
        <v>262</v>
      </c>
      <c r="M258" s="27" t="s">
        <v>30</v>
      </c>
      <c r="N258" s="27" t="s">
        <v>483</v>
      </c>
      <c r="O258" s="44">
        <v>120</v>
      </c>
    </row>
    <row r="259" spans="1:15" s="8" customFormat="1" ht="26.25" customHeight="1">
      <c r="A259" s="23" t="s">
        <v>734</v>
      </c>
      <c r="B259" s="116" t="s">
        <v>2078</v>
      </c>
      <c r="C259" s="117"/>
      <c r="D259" s="129"/>
      <c r="E259" s="129"/>
      <c r="F259" s="129" t="str">
        <f t="shared" si="8"/>
        <v>　</v>
      </c>
      <c r="G259" s="24" t="s">
        <v>895</v>
      </c>
      <c r="H259" s="128" t="s">
        <v>979</v>
      </c>
      <c r="I259" s="25">
        <v>25659</v>
      </c>
      <c r="J259" s="26" t="s">
        <v>2079</v>
      </c>
      <c r="K259" s="27" t="s">
        <v>2080</v>
      </c>
      <c r="L259" s="28" t="s">
        <v>2081</v>
      </c>
      <c r="M259" s="27" t="s">
        <v>2082</v>
      </c>
      <c r="N259" s="27" t="s">
        <v>2083</v>
      </c>
      <c r="O259" s="44">
        <v>150</v>
      </c>
    </row>
    <row r="260" spans="1:15" s="8" customFormat="1" ht="26.25" customHeight="1">
      <c r="A260" s="23" t="s">
        <v>734</v>
      </c>
      <c r="B260" s="116" t="s">
        <v>639</v>
      </c>
      <c r="C260" s="117"/>
      <c r="D260" s="129"/>
      <c r="E260" s="129"/>
      <c r="F260" s="129" t="str">
        <f t="shared" si="8"/>
        <v>　</v>
      </c>
      <c r="G260" s="24" t="s">
        <v>895</v>
      </c>
      <c r="H260" s="128" t="s">
        <v>980</v>
      </c>
      <c r="I260" s="25">
        <v>28946</v>
      </c>
      <c r="J260" s="26" t="s">
        <v>1860</v>
      </c>
      <c r="K260" s="27" t="s">
        <v>31</v>
      </c>
      <c r="L260" s="28" t="s">
        <v>263</v>
      </c>
      <c r="M260" s="27" t="s">
        <v>32</v>
      </c>
      <c r="N260" s="27" t="s">
        <v>484</v>
      </c>
      <c r="O260" s="44">
        <v>90</v>
      </c>
    </row>
    <row r="261" spans="1:15" s="8" customFormat="1" ht="26.25" customHeight="1">
      <c r="A261" s="23" t="s">
        <v>734</v>
      </c>
      <c r="B261" s="116" t="s">
        <v>642</v>
      </c>
      <c r="C261" s="117"/>
      <c r="D261" s="129"/>
      <c r="E261" s="129"/>
      <c r="F261" s="129" t="str">
        <f t="shared" si="8"/>
        <v>　</v>
      </c>
      <c r="G261" s="24" t="s">
        <v>895</v>
      </c>
      <c r="H261" s="128" t="s">
        <v>982</v>
      </c>
      <c r="I261" s="25">
        <v>23682</v>
      </c>
      <c r="J261" s="26" t="s">
        <v>467</v>
      </c>
      <c r="K261" s="27" t="s">
        <v>33</v>
      </c>
      <c r="L261" s="28" t="s">
        <v>957</v>
      </c>
      <c r="M261" s="27" t="s">
        <v>34</v>
      </c>
      <c r="N261" s="27" t="s">
        <v>485</v>
      </c>
      <c r="O261" s="44">
        <v>80</v>
      </c>
    </row>
    <row r="262" spans="1:15" s="8" customFormat="1" ht="26.25" customHeight="1">
      <c r="A262" s="23" t="s">
        <v>734</v>
      </c>
      <c r="B262" s="116" t="s">
        <v>643</v>
      </c>
      <c r="C262" s="117"/>
      <c r="D262" s="129"/>
      <c r="E262" s="129"/>
      <c r="F262" s="129" t="str">
        <f t="shared" si="8"/>
        <v>　</v>
      </c>
      <c r="G262" s="24" t="s">
        <v>895</v>
      </c>
      <c r="H262" s="128" t="s">
        <v>983</v>
      </c>
      <c r="I262" s="25">
        <v>29312</v>
      </c>
      <c r="J262" s="26" t="s">
        <v>1671</v>
      </c>
      <c r="K262" s="27" t="s">
        <v>35</v>
      </c>
      <c r="L262" s="28" t="s">
        <v>264</v>
      </c>
      <c r="M262" s="27" t="s">
        <v>36</v>
      </c>
      <c r="N262" s="27" t="s">
        <v>486</v>
      </c>
      <c r="O262" s="44">
        <v>120</v>
      </c>
    </row>
    <row r="263" spans="1:15" s="8" customFormat="1" ht="26.25" customHeight="1">
      <c r="A263" s="23" t="s">
        <v>734</v>
      </c>
      <c r="B263" s="116" t="s">
        <v>1225</v>
      </c>
      <c r="C263" s="117"/>
      <c r="D263" s="129"/>
      <c r="E263" s="129"/>
      <c r="F263" s="129" t="str">
        <f t="shared" si="8"/>
        <v>　</v>
      </c>
      <c r="G263" s="24" t="s">
        <v>895</v>
      </c>
      <c r="H263" s="128" t="s">
        <v>1035</v>
      </c>
      <c r="I263" s="25">
        <v>22920</v>
      </c>
      <c r="J263" s="26" t="s">
        <v>2430</v>
      </c>
      <c r="K263" s="27" t="s">
        <v>37</v>
      </c>
      <c r="L263" s="28" t="s">
        <v>265</v>
      </c>
      <c r="M263" s="27" t="s">
        <v>38</v>
      </c>
      <c r="N263" s="27" t="s">
        <v>487</v>
      </c>
      <c r="O263" s="44">
        <v>120</v>
      </c>
    </row>
    <row r="264" spans="1:15" s="8" customFormat="1" ht="26.25" customHeight="1">
      <c r="A264" s="23" t="s">
        <v>734</v>
      </c>
      <c r="B264" s="116" t="s">
        <v>1240</v>
      </c>
      <c r="C264" s="117"/>
      <c r="D264" s="129"/>
      <c r="E264" s="129"/>
      <c r="F264" s="129" t="str">
        <f t="shared" si="8"/>
        <v>　</v>
      </c>
      <c r="G264" s="24" t="s">
        <v>895</v>
      </c>
      <c r="H264" s="128" t="s">
        <v>1035</v>
      </c>
      <c r="I264" s="25">
        <v>23986</v>
      </c>
      <c r="J264" s="26" t="s">
        <v>468</v>
      </c>
      <c r="K264" s="27" t="s">
        <v>39</v>
      </c>
      <c r="L264" s="28" t="s">
        <v>266</v>
      </c>
      <c r="M264" s="27" t="s">
        <v>40</v>
      </c>
      <c r="N264" s="27" t="s">
        <v>488</v>
      </c>
      <c r="O264" s="44">
        <v>150</v>
      </c>
    </row>
    <row r="265" spans="1:15" s="8" customFormat="1" ht="26.25" customHeight="1">
      <c r="A265" s="23" t="s">
        <v>734</v>
      </c>
      <c r="B265" s="116" t="s">
        <v>1241</v>
      </c>
      <c r="C265" s="117"/>
      <c r="D265" s="129"/>
      <c r="E265" s="129"/>
      <c r="F265" s="129" t="str">
        <f t="shared" si="8"/>
        <v>　</v>
      </c>
      <c r="G265" s="24" t="s">
        <v>895</v>
      </c>
      <c r="H265" s="128" t="s">
        <v>1037</v>
      </c>
      <c r="I265" s="25">
        <v>24959</v>
      </c>
      <c r="J265" s="26" t="s">
        <v>469</v>
      </c>
      <c r="K265" s="27" t="s">
        <v>41</v>
      </c>
      <c r="L265" s="28" t="s">
        <v>267</v>
      </c>
      <c r="M265" s="27" t="s">
        <v>42</v>
      </c>
      <c r="N265" s="27" t="s">
        <v>489</v>
      </c>
      <c r="O265" s="44">
        <v>220</v>
      </c>
    </row>
    <row r="266" spans="1:15" s="31" customFormat="1" ht="26.25" customHeight="1">
      <c r="A266" s="23" t="s">
        <v>734</v>
      </c>
      <c r="B266" s="116" t="s">
        <v>1249</v>
      </c>
      <c r="C266" s="117"/>
      <c r="D266" s="129"/>
      <c r="E266" s="129"/>
      <c r="F266" s="129" t="str">
        <f t="shared" si="8"/>
        <v>　</v>
      </c>
      <c r="G266" s="24" t="s">
        <v>895</v>
      </c>
      <c r="H266" s="128" t="s">
        <v>984</v>
      </c>
      <c r="I266" s="25">
        <v>37347</v>
      </c>
      <c r="J266" s="26" t="s">
        <v>388</v>
      </c>
      <c r="K266" s="27" t="s">
        <v>43</v>
      </c>
      <c r="L266" s="28" t="s">
        <v>268</v>
      </c>
      <c r="M266" s="27" t="s">
        <v>44</v>
      </c>
      <c r="N266" s="27" t="s">
        <v>490</v>
      </c>
      <c r="O266" s="44">
        <v>90</v>
      </c>
    </row>
    <row r="267" spans="1:15" s="31" customFormat="1" ht="26.25" customHeight="1">
      <c r="A267" s="23" t="s">
        <v>734</v>
      </c>
      <c r="B267" s="116" t="s">
        <v>726</v>
      </c>
      <c r="C267" s="117"/>
      <c r="D267" s="129"/>
      <c r="E267" s="129"/>
      <c r="F267" s="129" t="str">
        <f t="shared" si="8"/>
        <v>　</v>
      </c>
      <c r="G267" s="24" t="s">
        <v>1253</v>
      </c>
      <c r="H267" s="128" t="s">
        <v>1673</v>
      </c>
      <c r="I267" s="25">
        <v>37712</v>
      </c>
      <c r="J267" s="26" t="s">
        <v>1694</v>
      </c>
      <c r="K267" s="27" t="s">
        <v>739</v>
      </c>
      <c r="L267" s="28" t="s">
        <v>2833</v>
      </c>
      <c r="M267" s="27" t="s">
        <v>492</v>
      </c>
      <c r="N267" s="27" t="s">
        <v>492</v>
      </c>
      <c r="O267" s="44">
        <v>60</v>
      </c>
    </row>
    <row r="268" spans="1:15" s="31" customFormat="1" ht="26.25" customHeight="1">
      <c r="A268" s="23" t="s">
        <v>734</v>
      </c>
      <c r="B268" s="116" t="s">
        <v>1115</v>
      </c>
      <c r="C268" s="117"/>
      <c r="D268" s="129"/>
      <c r="E268" s="129"/>
      <c r="F268" s="129" t="str">
        <f t="shared" si="8"/>
        <v>　</v>
      </c>
      <c r="G268" s="24" t="s">
        <v>895</v>
      </c>
      <c r="H268" s="128" t="s">
        <v>986</v>
      </c>
      <c r="I268" s="25">
        <v>37773</v>
      </c>
      <c r="J268" s="26" t="s">
        <v>470</v>
      </c>
      <c r="K268" s="27" t="s">
        <v>739</v>
      </c>
      <c r="L268" s="28" t="s">
        <v>271</v>
      </c>
      <c r="M268" s="27" t="s">
        <v>50</v>
      </c>
      <c r="N268" s="27" t="s">
        <v>493</v>
      </c>
      <c r="O268" s="44">
        <v>90</v>
      </c>
    </row>
    <row r="269" spans="1:15" s="31" customFormat="1" ht="26.25" customHeight="1">
      <c r="A269" s="23" t="s">
        <v>734</v>
      </c>
      <c r="B269" s="116" t="s">
        <v>791</v>
      </c>
      <c r="C269" s="117"/>
      <c r="D269" s="129"/>
      <c r="E269" s="129"/>
      <c r="F269" s="129" t="str">
        <f t="shared" si="8"/>
        <v>　</v>
      </c>
      <c r="G269" s="24" t="s">
        <v>895</v>
      </c>
      <c r="H269" s="128" t="s">
        <v>987</v>
      </c>
      <c r="I269" s="25">
        <v>38443</v>
      </c>
      <c r="J269" s="26" t="s">
        <v>2482</v>
      </c>
      <c r="K269" s="27" t="s">
        <v>51</v>
      </c>
      <c r="L269" s="28" t="s">
        <v>647</v>
      </c>
      <c r="M269" s="27" t="s">
        <v>52</v>
      </c>
      <c r="N269" s="27" t="s">
        <v>494</v>
      </c>
      <c r="O269" s="44">
        <v>120</v>
      </c>
    </row>
    <row r="270" spans="1:15" s="31" customFormat="1" ht="26.25" customHeight="1">
      <c r="A270" s="23" t="s">
        <v>734</v>
      </c>
      <c r="B270" s="126" t="s">
        <v>1674</v>
      </c>
      <c r="C270" s="127"/>
      <c r="D270" s="64"/>
      <c r="E270" s="64"/>
      <c r="F270" s="129" t="str">
        <f t="shared" si="8"/>
        <v>　</v>
      </c>
      <c r="G270" s="24" t="s">
        <v>895</v>
      </c>
      <c r="H270" s="128" t="s">
        <v>988</v>
      </c>
      <c r="I270" s="25">
        <v>38562</v>
      </c>
      <c r="J270" s="26" t="s">
        <v>1675</v>
      </c>
      <c r="K270" s="27" t="s">
        <v>736</v>
      </c>
      <c r="L270" s="28" t="s">
        <v>648</v>
      </c>
      <c r="M270" s="27" t="s">
        <v>737</v>
      </c>
      <c r="N270" s="27" t="s">
        <v>495</v>
      </c>
      <c r="O270" s="44">
        <v>70</v>
      </c>
    </row>
    <row r="271" spans="1:15" s="31" customFormat="1" ht="26.25" customHeight="1">
      <c r="A271" s="1" t="s">
        <v>734</v>
      </c>
      <c r="B271" s="2" t="s">
        <v>738</v>
      </c>
      <c r="C271" s="117" t="s">
        <v>1667</v>
      </c>
      <c r="D271" s="129"/>
      <c r="E271" s="129"/>
      <c r="F271" s="129"/>
      <c r="G271" s="112" t="s">
        <v>895</v>
      </c>
      <c r="H271" s="122" t="s">
        <v>985</v>
      </c>
      <c r="I271" s="4">
        <v>38869</v>
      </c>
      <c r="J271" s="5" t="s">
        <v>471</v>
      </c>
      <c r="K271" s="6" t="s">
        <v>739</v>
      </c>
      <c r="L271" s="65" t="s">
        <v>1695</v>
      </c>
      <c r="M271" s="6" t="s">
        <v>53</v>
      </c>
      <c r="N271" s="6" t="s">
        <v>496</v>
      </c>
      <c r="O271" s="45">
        <v>30</v>
      </c>
    </row>
    <row r="272" spans="1:15" s="31" customFormat="1" ht="26.25" customHeight="1">
      <c r="A272" s="1" t="s">
        <v>734</v>
      </c>
      <c r="B272" s="2" t="s">
        <v>341</v>
      </c>
      <c r="C272" s="167"/>
      <c r="D272" s="3"/>
      <c r="E272" s="3"/>
      <c r="F272" s="129" t="str">
        <f t="shared" si="8"/>
        <v>　</v>
      </c>
      <c r="G272" s="112" t="s">
        <v>895</v>
      </c>
      <c r="H272" s="122" t="s">
        <v>1037</v>
      </c>
      <c r="I272" s="4">
        <v>40269</v>
      </c>
      <c r="J272" s="5" t="s">
        <v>2805</v>
      </c>
      <c r="K272" s="6" t="s">
        <v>225</v>
      </c>
      <c r="L272" s="65" t="s">
        <v>1109</v>
      </c>
      <c r="M272" s="6" t="s">
        <v>226</v>
      </c>
      <c r="N272" s="6" t="s">
        <v>227</v>
      </c>
      <c r="O272" s="45">
        <v>120</v>
      </c>
    </row>
    <row r="273" spans="1:15" s="31" customFormat="1" ht="26.25" customHeight="1">
      <c r="A273" s="23" t="s">
        <v>734</v>
      </c>
      <c r="B273" s="116" t="s">
        <v>228</v>
      </c>
      <c r="C273" s="117"/>
      <c r="D273" s="29"/>
      <c r="E273" s="129"/>
      <c r="F273" s="129" t="str">
        <f t="shared" ref="F273" si="11">IF(O273="","",IF(O273&lt;60,"○","　"))</f>
        <v>　</v>
      </c>
      <c r="G273" s="24" t="s">
        <v>895</v>
      </c>
      <c r="H273" s="128" t="s">
        <v>988</v>
      </c>
      <c r="I273" s="25">
        <v>40634</v>
      </c>
      <c r="J273" s="26" t="s">
        <v>2672</v>
      </c>
      <c r="K273" s="27" t="s">
        <v>27</v>
      </c>
      <c r="L273" s="28" t="s">
        <v>270</v>
      </c>
      <c r="M273" s="27" t="s">
        <v>54</v>
      </c>
      <c r="N273" s="27" t="s">
        <v>55</v>
      </c>
      <c r="O273" s="44">
        <v>75</v>
      </c>
    </row>
    <row r="274" spans="1:15" s="31" customFormat="1" ht="26.25" customHeight="1">
      <c r="A274" s="23" t="s">
        <v>734</v>
      </c>
      <c r="B274" s="116" t="s">
        <v>1863</v>
      </c>
      <c r="C274" s="117"/>
      <c r="D274" s="29"/>
      <c r="E274" s="129"/>
      <c r="F274" s="129" t="str">
        <f t="shared" si="8"/>
        <v>○</v>
      </c>
      <c r="G274" s="24" t="s">
        <v>1345</v>
      </c>
      <c r="H274" s="128" t="s">
        <v>1864</v>
      </c>
      <c r="I274" s="25">
        <v>42073</v>
      </c>
      <c r="J274" s="26" t="s">
        <v>1865</v>
      </c>
      <c r="K274" s="27" t="s">
        <v>1868</v>
      </c>
      <c r="L274" s="28" t="s">
        <v>1866</v>
      </c>
      <c r="M274" s="29" t="s">
        <v>1867</v>
      </c>
      <c r="N274" s="27"/>
      <c r="O274" s="44">
        <v>36</v>
      </c>
    </row>
    <row r="275" spans="1:15" s="31" customFormat="1" ht="26.25" customHeight="1">
      <c r="A275" s="15" t="s">
        <v>734</v>
      </c>
      <c r="B275" s="16" t="s">
        <v>1905</v>
      </c>
      <c r="C275" s="110"/>
      <c r="D275" s="17"/>
      <c r="E275" s="17"/>
      <c r="F275" s="17" t="str">
        <f>IF(O275="","",IF(O275&lt;60,"○","　"))</f>
        <v>　</v>
      </c>
      <c r="G275" s="24" t="s">
        <v>895</v>
      </c>
      <c r="H275" s="128" t="s">
        <v>1906</v>
      </c>
      <c r="I275" s="18">
        <v>42087</v>
      </c>
      <c r="J275" s="19" t="s">
        <v>1907</v>
      </c>
      <c r="K275" s="27" t="s">
        <v>1968</v>
      </c>
      <c r="L275" s="28" t="s">
        <v>1908</v>
      </c>
      <c r="M275" s="27" t="s">
        <v>2058</v>
      </c>
      <c r="N275" s="27"/>
      <c r="O275" s="44">
        <v>75</v>
      </c>
    </row>
    <row r="276" spans="1:15" s="31" customFormat="1" ht="26.25" customHeight="1">
      <c r="A276" s="15" t="s">
        <v>734</v>
      </c>
      <c r="B276" s="16" t="s">
        <v>1885</v>
      </c>
      <c r="C276" s="110"/>
      <c r="D276" s="17"/>
      <c r="E276" s="17"/>
      <c r="F276" s="17" t="str">
        <f>IF(O276="","",IF(O276&lt;60,"○","　"))</f>
        <v>　</v>
      </c>
      <c r="G276" s="24" t="s">
        <v>895</v>
      </c>
      <c r="H276" s="128" t="s">
        <v>979</v>
      </c>
      <c r="I276" s="18">
        <v>42090</v>
      </c>
      <c r="J276" s="19" t="s">
        <v>1886</v>
      </c>
      <c r="K276" s="27" t="s">
        <v>25</v>
      </c>
      <c r="L276" s="28" t="s">
        <v>260</v>
      </c>
      <c r="M276" s="27" t="s">
        <v>26</v>
      </c>
      <c r="N276" s="27" t="s">
        <v>2076</v>
      </c>
      <c r="O276" s="44">
        <v>120</v>
      </c>
    </row>
    <row r="277" spans="1:15" s="31" customFormat="1" ht="26.25" customHeight="1">
      <c r="A277" s="23" t="s">
        <v>734</v>
      </c>
      <c r="B277" s="116" t="s">
        <v>1997</v>
      </c>
      <c r="C277" s="117"/>
      <c r="D277" s="129"/>
      <c r="E277" s="129"/>
      <c r="F277" s="129" t="str">
        <f>IF(O277="","",IF(O277&lt;60,"○","　"))</f>
        <v>　</v>
      </c>
      <c r="G277" s="24" t="s">
        <v>895</v>
      </c>
      <c r="H277" s="128" t="s">
        <v>1998</v>
      </c>
      <c r="I277" s="18">
        <v>42090</v>
      </c>
      <c r="J277" s="26" t="s">
        <v>1999</v>
      </c>
      <c r="K277" s="27" t="s">
        <v>1996</v>
      </c>
      <c r="L277" s="28" t="s">
        <v>2000</v>
      </c>
      <c r="M277" s="27" t="s">
        <v>2001</v>
      </c>
      <c r="N277" s="27"/>
      <c r="O277" s="44">
        <v>79</v>
      </c>
    </row>
    <row r="278" spans="1:15" s="31" customFormat="1" ht="26.25" customHeight="1">
      <c r="A278" s="23" t="s">
        <v>734</v>
      </c>
      <c r="B278" s="116" t="s">
        <v>1991</v>
      </c>
      <c r="C278" s="117"/>
      <c r="D278" s="129"/>
      <c r="E278" s="129"/>
      <c r="F278" s="129" t="str">
        <f>IF(O278="","",IF(O278&lt;60,"○","　"))</f>
        <v>　</v>
      </c>
      <c r="G278" s="24" t="s">
        <v>1345</v>
      </c>
      <c r="H278" s="128" t="s">
        <v>1992</v>
      </c>
      <c r="I278" s="18">
        <v>42093</v>
      </c>
      <c r="J278" s="26" t="s">
        <v>1993</v>
      </c>
      <c r="K278" s="27" t="s">
        <v>1996</v>
      </c>
      <c r="L278" s="28" t="s">
        <v>1994</v>
      </c>
      <c r="M278" s="27" t="s">
        <v>1995</v>
      </c>
      <c r="N278" s="27"/>
      <c r="O278" s="44">
        <v>65</v>
      </c>
    </row>
    <row r="279" spans="1:15" s="31" customFormat="1" ht="26.25" customHeight="1">
      <c r="A279" s="23" t="s">
        <v>734</v>
      </c>
      <c r="B279" s="116" t="s">
        <v>2110</v>
      </c>
      <c r="C279" s="117"/>
      <c r="D279" s="129"/>
      <c r="E279" s="129"/>
      <c r="F279" s="129" t="str">
        <f>IF(O279="","",IF(O279&lt;60,"○","　"))</f>
        <v>　</v>
      </c>
      <c r="G279" s="24" t="s">
        <v>1345</v>
      </c>
      <c r="H279" s="128" t="s">
        <v>2111</v>
      </c>
      <c r="I279" s="25">
        <v>42247</v>
      </c>
      <c r="J279" s="26" t="s">
        <v>2339</v>
      </c>
      <c r="K279" s="27" t="s">
        <v>2128</v>
      </c>
      <c r="L279" s="28" t="s">
        <v>2347</v>
      </c>
      <c r="M279" s="27" t="s">
        <v>2133</v>
      </c>
      <c r="N279" s="27" t="s">
        <v>2133</v>
      </c>
      <c r="O279" s="44">
        <v>60</v>
      </c>
    </row>
    <row r="280" spans="1:15" s="31" customFormat="1" ht="26.25" customHeight="1">
      <c r="A280" s="23" t="s">
        <v>2112</v>
      </c>
      <c r="B280" s="116" t="s">
        <v>2113</v>
      </c>
      <c r="C280" s="117"/>
      <c r="D280" s="89"/>
      <c r="E280" s="78"/>
      <c r="F280" s="78"/>
      <c r="G280" s="90" t="s">
        <v>2114</v>
      </c>
      <c r="H280" s="175" t="s">
        <v>2116</v>
      </c>
      <c r="I280" s="25">
        <v>42241</v>
      </c>
      <c r="J280" s="26" t="s">
        <v>2817</v>
      </c>
      <c r="K280" s="27" t="s">
        <v>45</v>
      </c>
      <c r="L280" s="28" t="s">
        <v>269</v>
      </c>
      <c r="M280" s="27" t="s">
        <v>46</v>
      </c>
      <c r="N280" s="27" t="s">
        <v>491</v>
      </c>
      <c r="O280" s="44">
        <v>44</v>
      </c>
    </row>
    <row r="281" spans="1:15" s="31" customFormat="1" ht="26.25" customHeight="1">
      <c r="A281" s="23" t="s">
        <v>734</v>
      </c>
      <c r="B281" s="116" t="s">
        <v>1871</v>
      </c>
      <c r="C281" s="117"/>
      <c r="D281" s="129"/>
      <c r="E281" s="129"/>
      <c r="F281" s="129" t="str">
        <f t="shared" ref="F281:F290" si="12">IF(O281="","",IF(O281&lt;60,"○","　"))</f>
        <v>　</v>
      </c>
      <c r="G281" s="24" t="s">
        <v>895</v>
      </c>
      <c r="H281" s="128" t="s">
        <v>2115</v>
      </c>
      <c r="I281" s="25">
        <v>42241</v>
      </c>
      <c r="J281" s="26" t="s">
        <v>1672</v>
      </c>
      <c r="K281" s="27" t="s">
        <v>47</v>
      </c>
      <c r="L281" s="28" t="s">
        <v>1869</v>
      </c>
      <c r="M281" s="27" t="s">
        <v>48</v>
      </c>
      <c r="N281" s="27" t="s">
        <v>49</v>
      </c>
      <c r="O281" s="44" t="s">
        <v>1870</v>
      </c>
    </row>
    <row r="282" spans="1:15" s="31" customFormat="1" ht="26.25" customHeight="1">
      <c r="A282" s="23" t="s">
        <v>734</v>
      </c>
      <c r="B282" s="116" t="s">
        <v>2153</v>
      </c>
      <c r="C282" s="117"/>
      <c r="D282" s="129"/>
      <c r="E282" s="129"/>
      <c r="F282" s="129" t="str">
        <f t="shared" si="12"/>
        <v>　</v>
      </c>
      <c r="G282" s="24" t="s">
        <v>2114</v>
      </c>
      <c r="H282" s="128" t="s">
        <v>2154</v>
      </c>
      <c r="I282" s="25">
        <v>42306</v>
      </c>
      <c r="J282" s="26" t="s">
        <v>2663</v>
      </c>
      <c r="K282" s="27" t="s">
        <v>2157</v>
      </c>
      <c r="L282" s="28" t="s">
        <v>2155</v>
      </c>
      <c r="M282" s="27" t="s">
        <v>2158</v>
      </c>
      <c r="N282" s="27" t="s">
        <v>2159</v>
      </c>
      <c r="O282" s="44" t="s">
        <v>2156</v>
      </c>
    </row>
    <row r="283" spans="1:15" s="31" customFormat="1" ht="26.25" customHeight="1">
      <c r="A283" s="23" t="s">
        <v>734</v>
      </c>
      <c r="B283" s="63" t="s">
        <v>2271</v>
      </c>
      <c r="C283" s="168"/>
      <c r="D283" s="49"/>
      <c r="E283" s="49"/>
      <c r="F283" s="49" t="str">
        <f t="shared" si="12"/>
        <v>　</v>
      </c>
      <c r="G283" s="124" t="s">
        <v>895</v>
      </c>
      <c r="H283" s="50" t="s">
        <v>2272</v>
      </c>
      <c r="I283" s="51">
        <v>42461</v>
      </c>
      <c r="J283" s="52" t="s">
        <v>2273</v>
      </c>
      <c r="K283" s="43" t="s">
        <v>2275</v>
      </c>
      <c r="L283" s="53" t="s">
        <v>2274</v>
      </c>
      <c r="M283" s="43" t="s">
        <v>2276</v>
      </c>
      <c r="N283" s="43" t="s">
        <v>2276</v>
      </c>
      <c r="O283" s="54" t="s">
        <v>2277</v>
      </c>
    </row>
    <row r="284" spans="1:15" s="31" customFormat="1" ht="26.25" customHeight="1">
      <c r="A284" s="1" t="s">
        <v>734</v>
      </c>
      <c r="B284" s="2" t="s">
        <v>2171</v>
      </c>
      <c r="C284" s="167"/>
      <c r="D284" s="3"/>
      <c r="E284" s="3"/>
      <c r="F284" s="3" t="str">
        <f t="shared" si="12"/>
        <v>　</v>
      </c>
      <c r="G284" s="112" t="s">
        <v>2178</v>
      </c>
      <c r="H284" s="122" t="s">
        <v>2246</v>
      </c>
      <c r="I284" s="4">
        <v>42457</v>
      </c>
      <c r="J284" s="5" t="s">
        <v>2247</v>
      </c>
      <c r="K284" s="6" t="s">
        <v>2198</v>
      </c>
      <c r="L284" s="7" t="s">
        <v>2199</v>
      </c>
      <c r="M284" s="6" t="s">
        <v>2253</v>
      </c>
      <c r="N284" s="6" t="s">
        <v>2253</v>
      </c>
      <c r="O284" s="45" t="s">
        <v>2200</v>
      </c>
    </row>
    <row r="285" spans="1:15" s="100" customFormat="1" ht="26.25" customHeight="1">
      <c r="A285" s="1" t="s">
        <v>734</v>
      </c>
      <c r="B285" s="130" t="s">
        <v>2533</v>
      </c>
      <c r="C285" s="131"/>
      <c r="D285" s="29"/>
      <c r="E285" s="29"/>
      <c r="F285" s="29" t="str">
        <f t="shared" si="12"/>
        <v>　</v>
      </c>
      <c r="G285" s="24" t="s">
        <v>2492</v>
      </c>
      <c r="H285" s="128" t="s">
        <v>2534</v>
      </c>
      <c r="I285" s="25">
        <v>43186</v>
      </c>
      <c r="J285" s="26" t="s">
        <v>2767</v>
      </c>
      <c r="K285" s="27" t="s">
        <v>2765</v>
      </c>
      <c r="L285" s="96" t="s">
        <v>2535</v>
      </c>
      <c r="M285" s="27"/>
      <c r="N285" s="27"/>
      <c r="O285" s="44" t="s">
        <v>2536</v>
      </c>
    </row>
    <row r="286" spans="1:15" s="100" customFormat="1" ht="26.25" customHeight="1">
      <c r="A286" s="1" t="s">
        <v>734</v>
      </c>
      <c r="B286" s="130" t="s">
        <v>2537</v>
      </c>
      <c r="C286" s="131"/>
      <c r="D286" s="29"/>
      <c r="E286" s="29"/>
      <c r="F286" s="29" t="str">
        <f t="shared" si="12"/>
        <v>　</v>
      </c>
      <c r="G286" s="24" t="s">
        <v>2488</v>
      </c>
      <c r="H286" s="128" t="s">
        <v>2538</v>
      </c>
      <c r="I286" s="25">
        <v>43186</v>
      </c>
      <c r="J286" s="26" t="s">
        <v>2539</v>
      </c>
      <c r="K286" s="27" t="s">
        <v>2764</v>
      </c>
      <c r="L286" s="28" t="s">
        <v>2540</v>
      </c>
      <c r="M286" s="27"/>
      <c r="N286" s="27"/>
      <c r="O286" s="44" t="s">
        <v>2541</v>
      </c>
    </row>
    <row r="287" spans="1:15" s="100" customFormat="1" ht="26.25" customHeight="1">
      <c r="A287" s="1" t="s">
        <v>734</v>
      </c>
      <c r="B287" s="130" t="s">
        <v>2542</v>
      </c>
      <c r="C287" s="131"/>
      <c r="D287" s="29"/>
      <c r="E287" s="29"/>
      <c r="F287" s="29" t="str">
        <f t="shared" si="12"/>
        <v>　</v>
      </c>
      <c r="G287" s="24" t="s">
        <v>895</v>
      </c>
      <c r="H287" s="128" t="s">
        <v>983</v>
      </c>
      <c r="I287" s="25">
        <v>43186</v>
      </c>
      <c r="J287" s="26" t="s">
        <v>2543</v>
      </c>
      <c r="K287" s="27"/>
      <c r="L287" s="28" t="s">
        <v>2544</v>
      </c>
      <c r="M287" s="27"/>
      <c r="N287" s="27"/>
      <c r="O287" s="44" t="s">
        <v>2545</v>
      </c>
    </row>
    <row r="288" spans="1:15" s="100" customFormat="1" ht="26.25" customHeight="1">
      <c r="A288" s="1" t="s">
        <v>734</v>
      </c>
      <c r="B288" s="16" t="s">
        <v>2704</v>
      </c>
      <c r="C288" s="110"/>
      <c r="D288" s="17"/>
      <c r="E288" s="17"/>
      <c r="F288" s="115" t="str">
        <f t="shared" si="12"/>
        <v>　</v>
      </c>
      <c r="G288" s="24" t="s">
        <v>895</v>
      </c>
      <c r="H288" s="123" t="s">
        <v>2705</v>
      </c>
      <c r="I288" s="18">
        <v>43550</v>
      </c>
      <c r="J288" s="19" t="s">
        <v>2707</v>
      </c>
      <c r="K288" s="20" t="s">
        <v>2760</v>
      </c>
      <c r="L288" s="21" t="s">
        <v>2706</v>
      </c>
      <c r="M288" s="20"/>
      <c r="N288" s="20"/>
      <c r="O288" s="153" t="s">
        <v>2708</v>
      </c>
    </row>
    <row r="289" spans="1:15" s="100" customFormat="1" ht="26.25" customHeight="1">
      <c r="A289" s="1" t="s">
        <v>734</v>
      </c>
      <c r="B289" s="130" t="s">
        <v>2709</v>
      </c>
      <c r="C289" s="131"/>
      <c r="D289" s="17"/>
      <c r="E289" s="17"/>
      <c r="F289" s="115" t="str">
        <f t="shared" si="12"/>
        <v>　</v>
      </c>
      <c r="G289" s="113" t="s">
        <v>2710</v>
      </c>
      <c r="H289" s="123" t="s">
        <v>2711</v>
      </c>
      <c r="I289" s="18">
        <v>43551</v>
      </c>
      <c r="J289" s="19" t="s">
        <v>2713</v>
      </c>
      <c r="K289" s="20" t="s">
        <v>2761</v>
      </c>
      <c r="L289" s="21" t="s">
        <v>2712</v>
      </c>
      <c r="M289" s="20"/>
      <c r="N289" s="20"/>
      <c r="O289" s="153" t="s">
        <v>2714</v>
      </c>
    </row>
    <row r="290" spans="1:15" s="100" customFormat="1" ht="26.25" customHeight="1">
      <c r="A290" s="32" t="s">
        <v>734</v>
      </c>
      <c r="B290" s="150" t="s">
        <v>2739</v>
      </c>
      <c r="C290" s="151"/>
      <c r="D290" s="33"/>
      <c r="E290" s="33"/>
      <c r="F290" s="40" t="str">
        <f t="shared" si="12"/>
        <v>　</v>
      </c>
      <c r="G290" s="34" t="s">
        <v>895</v>
      </c>
      <c r="H290" s="35" t="s">
        <v>2740</v>
      </c>
      <c r="I290" s="36">
        <v>43551</v>
      </c>
      <c r="J290" s="37" t="s">
        <v>2743</v>
      </c>
      <c r="K290" s="38" t="s">
        <v>2744</v>
      </c>
      <c r="L290" s="39" t="s">
        <v>2741</v>
      </c>
      <c r="M290" s="38"/>
      <c r="N290" s="38"/>
      <c r="O290" s="156" t="s">
        <v>2742</v>
      </c>
    </row>
    <row r="291" spans="1:15" s="8" customFormat="1" ht="26.25" customHeight="1">
      <c r="A291" s="15" t="s">
        <v>1215</v>
      </c>
      <c r="B291" s="16" t="s">
        <v>1155</v>
      </c>
      <c r="C291" s="110"/>
      <c r="D291" s="17"/>
      <c r="E291" s="17"/>
      <c r="F291" s="115" t="str">
        <f t="shared" si="8"/>
        <v>　</v>
      </c>
      <c r="G291" s="113" t="s">
        <v>1659</v>
      </c>
      <c r="H291" s="123" t="s">
        <v>1215</v>
      </c>
      <c r="I291" s="18">
        <v>28216</v>
      </c>
      <c r="J291" s="19" t="s">
        <v>2578</v>
      </c>
      <c r="K291" s="20" t="s">
        <v>229</v>
      </c>
      <c r="L291" s="21" t="s">
        <v>649</v>
      </c>
      <c r="M291" s="20" t="s">
        <v>58</v>
      </c>
      <c r="N291" s="20" t="s">
        <v>498</v>
      </c>
      <c r="O291" s="153">
        <v>130</v>
      </c>
    </row>
    <row r="292" spans="1:15" s="8" customFormat="1" ht="26.25" customHeight="1">
      <c r="A292" s="23" t="s">
        <v>1215</v>
      </c>
      <c r="B292" s="116" t="s">
        <v>1156</v>
      </c>
      <c r="C292" s="117"/>
      <c r="D292" s="129"/>
      <c r="E292" s="129"/>
      <c r="F292" s="29" t="str">
        <f t="shared" ref="F292:F406" si="13">IF(O292="","",IF(O292&lt;60,"○","　"))</f>
        <v>　</v>
      </c>
      <c r="G292" s="24" t="s">
        <v>1659</v>
      </c>
      <c r="H292" s="128" t="s">
        <v>1215</v>
      </c>
      <c r="I292" s="66">
        <v>26390</v>
      </c>
      <c r="J292" s="26" t="s">
        <v>2798</v>
      </c>
      <c r="K292" s="27" t="s">
        <v>59</v>
      </c>
      <c r="L292" s="28" t="s">
        <v>657</v>
      </c>
      <c r="M292" s="27" t="s">
        <v>60</v>
      </c>
      <c r="N292" s="27" t="s">
        <v>499</v>
      </c>
      <c r="O292" s="44">
        <v>100</v>
      </c>
    </row>
    <row r="293" spans="1:15" s="8" customFormat="1" ht="26.25" customHeight="1">
      <c r="A293" s="23" t="s">
        <v>1215</v>
      </c>
      <c r="B293" s="116" t="s">
        <v>1157</v>
      </c>
      <c r="C293" s="117"/>
      <c r="D293" s="129"/>
      <c r="E293" s="129"/>
      <c r="F293" s="29" t="str">
        <f t="shared" si="13"/>
        <v>　</v>
      </c>
      <c r="G293" s="24" t="s">
        <v>1659</v>
      </c>
      <c r="H293" s="128" t="s">
        <v>1215</v>
      </c>
      <c r="I293" s="25">
        <v>19815</v>
      </c>
      <c r="J293" s="26" t="s">
        <v>2797</v>
      </c>
      <c r="K293" s="27" t="s">
        <v>61</v>
      </c>
      <c r="L293" s="28" t="s">
        <v>650</v>
      </c>
      <c r="M293" s="27" t="s">
        <v>62</v>
      </c>
      <c r="N293" s="27" t="s">
        <v>500</v>
      </c>
      <c r="O293" s="44">
        <v>130</v>
      </c>
    </row>
    <row r="294" spans="1:15" s="8" customFormat="1" ht="26.25" customHeight="1">
      <c r="A294" s="23" t="s">
        <v>1215</v>
      </c>
      <c r="B294" s="116" t="s">
        <v>1159</v>
      </c>
      <c r="C294" s="117"/>
      <c r="D294" s="129"/>
      <c r="E294" s="129"/>
      <c r="F294" s="29" t="str">
        <f t="shared" si="13"/>
        <v>　</v>
      </c>
      <c r="G294" s="24" t="s">
        <v>1659</v>
      </c>
      <c r="H294" s="128" t="s">
        <v>1215</v>
      </c>
      <c r="I294" s="25">
        <v>28946</v>
      </c>
      <c r="J294" s="26" t="s">
        <v>2299</v>
      </c>
      <c r="K294" s="27" t="s">
        <v>56</v>
      </c>
      <c r="L294" s="28" t="s">
        <v>652</v>
      </c>
      <c r="M294" s="27" t="s">
        <v>64</v>
      </c>
      <c r="N294" s="27" t="s">
        <v>501</v>
      </c>
      <c r="O294" s="44">
        <v>130</v>
      </c>
    </row>
    <row r="295" spans="1:15" s="8" customFormat="1" ht="26.25" customHeight="1">
      <c r="A295" s="23" t="s">
        <v>1215</v>
      </c>
      <c r="B295" s="116" t="s">
        <v>1162</v>
      </c>
      <c r="C295" s="117"/>
      <c r="D295" s="129"/>
      <c r="E295" s="129"/>
      <c r="F295" s="29" t="str">
        <f t="shared" si="13"/>
        <v>　</v>
      </c>
      <c r="G295" s="24" t="s">
        <v>895</v>
      </c>
      <c r="H295" s="128" t="s">
        <v>989</v>
      </c>
      <c r="I295" s="25">
        <v>25659</v>
      </c>
      <c r="J295" s="26" t="s">
        <v>1676</v>
      </c>
      <c r="K295" s="27" t="s">
        <v>67</v>
      </c>
      <c r="L295" s="28" t="s">
        <v>654</v>
      </c>
      <c r="M295" s="27" t="s">
        <v>68</v>
      </c>
      <c r="N295" s="27" t="s">
        <v>69</v>
      </c>
      <c r="O295" s="44">
        <v>90</v>
      </c>
    </row>
    <row r="296" spans="1:15" s="8" customFormat="1" ht="26.25" customHeight="1">
      <c r="A296" s="23" t="s">
        <v>1215</v>
      </c>
      <c r="B296" s="116" t="s">
        <v>789</v>
      </c>
      <c r="C296" s="117"/>
      <c r="D296" s="129"/>
      <c r="E296" s="129"/>
      <c r="F296" s="29" t="str">
        <f t="shared" si="13"/>
        <v>　</v>
      </c>
      <c r="G296" s="24" t="s">
        <v>895</v>
      </c>
      <c r="H296" s="128" t="s">
        <v>989</v>
      </c>
      <c r="I296" s="25">
        <v>26755</v>
      </c>
      <c r="J296" s="26" t="s">
        <v>1677</v>
      </c>
      <c r="K296" s="27" t="s">
        <v>70</v>
      </c>
      <c r="L296" s="28" t="s">
        <v>655</v>
      </c>
      <c r="M296" s="27" t="s">
        <v>503</v>
      </c>
      <c r="N296" s="27" t="s">
        <v>503</v>
      </c>
      <c r="O296" s="44">
        <v>60</v>
      </c>
    </row>
    <row r="297" spans="1:15" s="8" customFormat="1" ht="26.25" customHeight="1">
      <c r="A297" s="23" t="s">
        <v>1215</v>
      </c>
      <c r="B297" s="116" t="s">
        <v>796</v>
      </c>
      <c r="C297" s="117"/>
      <c r="D297" s="129"/>
      <c r="E297" s="129"/>
      <c r="F297" s="29" t="str">
        <f t="shared" si="13"/>
        <v>　</v>
      </c>
      <c r="G297" s="24" t="s">
        <v>895</v>
      </c>
      <c r="H297" s="128" t="s">
        <v>990</v>
      </c>
      <c r="I297" s="25">
        <v>28581</v>
      </c>
      <c r="J297" s="26" t="s">
        <v>2483</v>
      </c>
      <c r="K297" s="27" t="s">
        <v>797</v>
      </c>
      <c r="L297" s="28" t="s">
        <v>656</v>
      </c>
      <c r="M297" s="27" t="s">
        <v>71</v>
      </c>
      <c r="N297" s="27" t="s">
        <v>504</v>
      </c>
      <c r="O297" s="44">
        <v>180</v>
      </c>
    </row>
    <row r="298" spans="1:15" s="8" customFormat="1" ht="26.25" customHeight="1">
      <c r="A298" s="23" t="s">
        <v>1215</v>
      </c>
      <c r="B298" s="116" t="s">
        <v>1282</v>
      </c>
      <c r="C298" s="117"/>
      <c r="D298" s="129"/>
      <c r="E298" s="129"/>
      <c r="F298" s="29" t="str">
        <f t="shared" si="13"/>
        <v>　</v>
      </c>
      <c r="G298" s="24" t="s">
        <v>895</v>
      </c>
      <c r="H298" s="128" t="s">
        <v>991</v>
      </c>
      <c r="I298" s="25">
        <v>36982</v>
      </c>
      <c r="J298" s="26" t="s">
        <v>472</v>
      </c>
      <c r="K298" s="27" t="s">
        <v>72</v>
      </c>
      <c r="L298" s="28" t="s">
        <v>1059</v>
      </c>
      <c r="M298" s="27" t="s">
        <v>73</v>
      </c>
      <c r="N298" s="27" t="s">
        <v>505</v>
      </c>
      <c r="O298" s="44">
        <v>90</v>
      </c>
    </row>
    <row r="299" spans="1:15" s="8" customFormat="1" ht="26.25" customHeight="1">
      <c r="A299" s="23" t="s">
        <v>1215</v>
      </c>
      <c r="B299" s="116" t="s">
        <v>792</v>
      </c>
      <c r="C299" s="117"/>
      <c r="D299" s="129"/>
      <c r="E299" s="129"/>
      <c r="F299" s="29" t="str">
        <f t="shared" si="13"/>
        <v>　</v>
      </c>
      <c r="G299" s="24" t="s">
        <v>895</v>
      </c>
      <c r="H299" s="128" t="s">
        <v>992</v>
      </c>
      <c r="I299" s="25">
        <v>38443</v>
      </c>
      <c r="J299" s="26" t="s">
        <v>474</v>
      </c>
      <c r="K299" s="27" t="s">
        <v>72</v>
      </c>
      <c r="L299" s="28" t="s">
        <v>2657</v>
      </c>
      <c r="M299" s="27" t="s">
        <v>74</v>
      </c>
      <c r="N299" s="27" t="s">
        <v>506</v>
      </c>
      <c r="O299" s="44">
        <v>90</v>
      </c>
    </row>
    <row r="300" spans="1:15" s="8" customFormat="1" ht="26.25" customHeight="1">
      <c r="A300" s="23" t="s">
        <v>1215</v>
      </c>
      <c r="B300" s="116" t="s">
        <v>632</v>
      </c>
      <c r="C300" s="117"/>
      <c r="D300" s="129"/>
      <c r="E300" s="129"/>
      <c r="F300" s="29" t="str">
        <f t="shared" si="13"/>
        <v>　</v>
      </c>
      <c r="G300" s="24" t="s">
        <v>895</v>
      </c>
      <c r="H300" s="128" t="s">
        <v>993</v>
      </c>
      <c r="I300" s="25">
        <v>37347</v>
      </c>
      <c r="J300" s="26" t="s">
        <v>473</v>
      </c>
      <c r="K300" s="27" t="s">
        <v>56</v>
      </c>
      <c r="L300" s="28" t="s">
        <v>965</v>
      </c>
      <c r="M300" s="27" t="s">
        <v>75</v>
      </c>
      <c r="N300" s="27" t="s">
        <v>507</v>
      </c>
      <c r="O300" s="44">
        <v>97</v>
      </c>
    </row>
    <row r="301" spans="1:15" s="8" customFormat="1" ht="26.25" customHeight="1">
      <c r="A301" s="23" t="s">
        <v>1215</v>
      </c>
      <c r="B301" s="116" t="s">
        <v>1123</v>
      </c>
      <c r="C301" s="117"/>
      <c r="D301" s="129"/>
      <c r="E301" s="129"/>
      <c r="F301" s="29" t="str">
        <f t="shared" si="13"/>
        <v>　</v>
      </c>
      <c r="G301" s="24" t="s">
        <v>1345</v>
      </c>
      <c r="H301" s="128" t="s">
        <v>1031</v>
      </c>
      <c r="I301" s="25">
        <v>38443</v>
      </c>
      <c r="J301" s="26" t="s">
        <v>2262</v>
      </c>
      <c r="K301" s="27" t="s">
        <v>76</v>
      </c>
      <c r="L301" s="28" t="s">
        <v>1696</v>
      </c>
      <c r="M301" s="27" t="s">
        <v>77</v>
      </c>
      <c r="N301" s="27" t="s">
        <v>78</v>
      </c>
      <c r="O301" s="44">
        <v>60</v>
      </c>
    </row>
    <row r="302" spans="1:15" s="8" customFormat="1" ht="26.25" customHeight="1">
      <c r="A302" s="23" t="s">
        <v>1215</v>
      </c>
      <c r="B302" s="116" t="s">
        <v>1237</v>
      </c>
      <c r="C302" s="117"/>
      <c r="D302" s="129"/>
      <c r="E302" s="129"/>
      <c r="F302" s="29" t="str">
        <f t="shared" si="13"/>
        <v>　</v>
      </c>
      <c r="G302" s="24" t="s">
        <v>895</v>
      </c>
      <c r="H302" s="128" t="s">
        <v>1678</v>
      </c>
      <c r="I302" s="25">
        <v>39539</v>
      </c>
      <c r="J302" s="26" t="s">
        <v>1819</v>
      </c>
      <c r="K302" s="27" t="s">
        <v>1238</v>
      </c>
      <c r="L302" s="28" t="s">
        <v>1171</v>
      </c>
      <c r="M302" s="27" t="s">
        <v>79</v>
      </c>
      <c r="N302" s="27" t="s">
        <v>508</v>
      </c>
      <c r="O302" s="44">
        <v>90</v>
      </c>
    </row>
    <row r="303" spans="1:15" s="8" customFormat="1" ht="26.25" customHeight="1">
      <c r="A303" s="23" t="s">
        <v>1215</v>
      </c>
      <c r="B303" s="116" t="s">
        <v>1216</v>
      </c>
      <c r="C303" s="117"/>
      <c r="D303" s="129"/>
      <c r="E303" s="129"/>
      <c r="F303" s="29" t="str">
        <f t="shared" si="13"/>
        <v>　</v>
      </c>
      <c r="G303" s="24" t="s">
        <v>895</v>
      </c>
      <c r="H303" s="128" t="s">
        <v>998</v>
      </c>
      <c r="I303" s="25">
        <v>39904</v>
      </c>
      <c r="J303" s="26" t="s">
        <v>475</v>
      </c>
      <c r="K303" s="27" t="s">
        <v>56</v>
      </c>
      <c r="L303" s="28" t="s">
        <v>1154</v>
      </c>
      <c r="M303" s="27" t="s">
        <v>57</v>
      </c>
      <c r="N303" s="27" t="s">
        <v>497</v>
      </c>
      <c r="O303" s="44">
        <v>90</v>
      </c>
    </row>
    <row r="304" spans="1:15" s="8" customFormat="1" ht="26.25" customHeight="1">
      <c r="A304" s="23" t="s">
        <v>1215</v>
      </c>
      <c r="B304" s="116" t="s">
        <v>342</v>
      </c>
      <c r="C304" s="117"/>
      <c r="D304" s="129"/>
      <c r="E304" s="129"/>
      <c r="F304" s="29" t="str">
        <f t="shared" si="13"/>
        <v>　</v>
      </c>
      <c r="G304" s="24" t="s">
        <v>895</v>
      </c>
      <c r="H304" s="128" t="s">
        <v>343</v>
      </c>
      <c r="I304" s="25">
        <v>40238</v>
      </c>
      <c r="J304" s="26" t="s">
        <v>476</v>
      </c>
      <c r="K304" s="27" t="s">
        <v>72</v>
      </c>
      <c r="L304" s="28" t="s">
        <v>1494</v>
      </c>
      <c r="M304" s="27" t="s">
        <v>80</v>
      </c>
      <c r="N304" s="27" t="s">
        <v>81</v>
      </c>
      <c r="O304" s="44">
        <v>60</v>
      </c>
    </row>
    <row r="305" spans="1:15" s="8" customFormat="1" ht="26.25" customHeight="1">
      <c r="A305" s="23" t="s">
        <v>1215</v>
      </c>
      <c r="B305" s="2" t="s">
        <v>723</v>
      </c>
      <c r="C305" s="167"/>
      <c r="D305" s="3"/>
      <c r="E305" s="3"/>
      <c r="F305" s="29" t="str">
        <f t="shared" si="13"/>
        <v>　</v>
      </c>
      <c r="G305" s="112" t="s">
        <v>1345</v>
      </c>
      <c r="H305" s="122" t="s">
        <v>724</v>
      </c>
      <c r="I305" s="4">
        <v>40452</v>
      </c>
      <c r="J305" s="5" t="s">
        <v>2580</v>
      </c>
      <c r="K305" s="6" t="s">
        <v>229</v>
      </c>
      <c r="L305" s="7" t="s">
        <v>725</v>
      </c>
      <c r="M305" s="6" t="s">
        <v>230</v>
      </c>
      <c r="N305" s="6" t="s">
        <v>231</v>
      </c>
      <c r="O305" s="45">
        <v>60</v>
      </c>
    </row>
    <row r="306" spans="1:15" s="8" customFormat="1" ht="26.25" customHeight="1">
      <c r="A306" s="1" t="s">
        <v>1215</v>
      </c>
      <c r="B306" s="2" t="s">
        <v>1158</v>
      </c>
      <c r="C306" s="167"/>
      <c r="D306" s="3"/>
      <c r="E306" s="3"/>
      <c r="F306" s="114" t="str">
        <f t="shared" si="13"/>
        <v>　</v>
      </c>
      <c r="G306" s="112" t="s">
        <v>895</v>
      </c>
      <c r="H306" s="122" t="s">
        <v>919</v>
      </c>
      <c r="I306" s="4">
        <v>41365</v>
      </c>
      <c r="J306" s="5" t="s">
        <v>1861</v>
      </c>
      <c r="K306" s="6" t="s">
        <v>63</v>
      </c>
      <c r="L306" s="7" t="s">
        <v>651</v>
      </c>
      <c r="M306" s="6" t="s">
        <v>1607</v>
      </c>
      <c r="N306" s="6" t="s">
        <v>1608</v>
      </c>
      <c r="O306" s="45">
        <v>120</v>
      </c>
    </row>
    <row r="307" spans="1:15" s="8" customFormat="1" ht="26.25" customHeight="1">
      <c r="A307" s="1" t="s">
        <v>1764</v>
      </c>
      <c r="B307" s="2" t="s">
        <v>1765</v>
      </c>
      <c r="C307" s="167"/>
      <c r="D307" s="3"/>
      <c r="E307" s="3"/>
      <c r="F307" s="114" t="str">
        <f t="shared" si="13"/>
        <v>　</v>
      </c>
      <c r="G307" s="112" t="s">
        <v>1753</v>
      </c>
      <c r="H307" s="122" t="s">
        <v>724</v>
      </c>
      <c r="I307" s="4">
        <v>41453</v>
      </c>
      <c r="J307" s="5" t="s">
        <v>2582</v>
      </c>
      <c r="K307" s="6" t="s">
        <v>1767</v>
      </c>
      <c r="L307" s="7" t="s">
        <v>1766</v>
      </c>
      <c r="M307" s="6" t="s">
        <v>1788</v>
      </c>
      <c r="N307" s="6" t="s">
        <v>1789</v>
      </c>
      <c r="O307" s="45">
        <v>60</v>
      </c>
    </row>
    <row r="308" spans="1:15" s="8" customFormat="1" ht="26.25" customHeight="1">
      <c r="A308" s="1" t="s">
        <v>1215</v>
      </c>
      <c r="B308" s="2" t="s">
        <v>1768</v>
      </c>
      <c r="C308" s="167"/>
      <c r="D308" s="3"/>
      <c r="E308" s="3"/>
      <c r="F308" s="114" t="str">
        <f t="shared" si="13"/>
        <v>　</v>
      </c>
      <c r="G308" s="112" t="s">
        <v>895</v>
      </c>
      <c r="H308" s="122" t="s">
        <v>1769</v>
      </c>
      <c r="I308" s="4">
        <v>41486</v>
      </c>
      <c r="J308" s="5" t="s">
        <v>2613</v>
      </c>
      <c r="K308" s="6" t="s">
        <v>1770</v>
      </c>
      <c r="L308" s="7" t="s">
        <v>2652</v>
      </c>
      <c r="M308" s="6" t="s">
        <v>1790</v>
      </c>
      <c r="N308" s="6" t="s">
        <v>1791</v>
      </c>
      <c r="O308" s="45">
        <v>90</v>
      </c>
    </row>
    <row r="309" spans="1:15" s="8" customFormat="1" ht="26.25" customHeight="1">
      <c r="A309" s="23" t="s">
        <v>1722</v>
      </c>
      <c r="B309" s="116" t="s">
        <v>1723</v>
      </c>
      <c r="C309" s="117"/>
      <c r="D309" s="129"/>
      <c r="E309" s="129"/>
      <c r="F309" s="29" t="str">
        <f t="shared" si="13"/>
        <v>　</v>
      </c>
      <c r="G309" s="24" t="s">
        <v>580</v>
      </c>
      <c r="H309" s="128" t="s">
        <v>1724</v>
      </c>
      <c r="I309" s="25">
        <v>41715</v>
      </c>
      <c r="J309" s="26" t="s">
        <v>1725</v>
      </c>
      <c r="K309" s="27" t="s">
        <v>1727</v>
      </c>
      <c r="L309" s="28" t="s">
        <v>1726</v>
      </c>
      <c r="M309" s="27" t="s">
        <v>1792</v>
      </c>
      <c r="N309" s="27" t="s">
        <v>1793</v>
      </c>
      <c r="O309" s="44">
        <v>60</v>
      </c>
    </row>
    <row r="310" spans="1:15" s="8" customFormat="1" ht="26.25" customHeight="1">
      <c r="A310" s="23" t="s">
        <v>1722</v>
      </c>
      <c r="B310" s="116" t="s">
        <v>1728</v>
      </c>
      <c r="C310" s="117"/>
      <c r="D310" s="129"/>
      <c r="E310" s="129"/>
      <c r="F310" s="29" t="str">
        <f t="shared" si="13"/>
        <v>　</v>
      </c>
      <c r="G310" s="24" t="s">
        <v>895</v>
      </c>
      <c r="H310" s="128" t="s">
        <v>1729</v>
      </c>
      <c r="I310" s="25">
        <v>41723</v>
      </c>
      <c r="J310" s="26" t="s">
        <v>1730</v>
      </c>
      <c r="K310" s="27" t="s">
        <v>1732</v>
      </c>
      <c r="L310" s="28" t="s">
        <v>1731</v>
      </c>
      <c r="M310" s="27" t="s">
        <v>1794</v>
      </c>
      <c r="N310" s="27" t="s">
        <v>1795</v>
      </c>
      <c r="O310" s="44">
        <v>75</v>
      </c>
    </row>
    <row r="311" spans="1:15" s="8" customFormat="1" ht="26.25" customHeight="1">
      <c r="A311" s="1" t="s">
        <v>1722</v>
      </c>
      <c r="B311" s="2" t="s">
        <v>1733</v>
      </c>
      <c r="C311" s="167"/>
      <c r="D311" s="3"/>
      <c r="E311" s="3"/>
      <c r="F311" s="114" t="str">
        <f t="shared" si="13"/>
        <v>　</v>
      </c>
      <c r="G311" s="112" t="s">
        <v>1345</v>
      </c>
      <c r="H311" s="122" t="s">
        <v>1734</v>
      </c>
      <c r="I311" s="4">
        <v>41729</v>
      </c>
      <c r="J311" s="5" t="s">
        <v>1735</v>
      </c>
      <c r="K311" s="6" t="s">
        <v>1737</v>
      </c>
      <c r="L311" s="7" t="s">
        <v>1736</v>
      </c>
      <c r="M311" s="6" t="s">
        <v>1796</v>
      </c>
      <c r="N311" s="6" t="s">
        <v>1797</v>
      </c>
      <c r="O311" s="45">
        <v>60</v>
      </c>
    </row>
    <row r="312" spans="1:15" s="8" customFormat="1" ht="26.25" customHeight="1">
      <c r="A312" s="1" t="s">
        <v>1215</v>
      </c>
      <c r="B312" s="2" t="s">
        <v>1160</v>
      </c>
      <c r="C312" s="167"/>
      <c r="D312" s="3"/>
      <c r="E312" s="3"/>
      <c r="F312" s="114" t="str">
        <f t="shared" ref="F312:F334" si="14">IF(O312="","",IF(O312&lt;60,"○","　"))</f>
        <v>　</v>
      </c>
      <c r="G312" s="112" t="s">
        <v>895</v>
      </c>
      <c r="H312" s="122" t="s">
        <v>1738</v>
      </c>
      <c r="I312" s="4">
        <v>41729</v>
      </c>
      <c r="J312" s="5" t="s">
        <v>2393</v>
      </c>
      <c r="K312" s="6" t="s">
        <v>65</v>
      </c>
      <c r="L312" s="7" t="s">
        <v>653</v>
      </c>
      <c r="M312" s="6" t="s">
        <v>66</v>
      </c>
      <c r="N312" s="6" t="s">
        <v>502</v>
      </c>
      <c r="O312" s="45">
        <v>120</v>
      </c>
    </row>
    <row r="313" spans="1:15" s="8" customFormat="1" ht="26.25" customHeight="1">
      <c r="A313" s="1" t="s">
        <v>1215</v>
      </c>
      <c r="B313" s="2" t="s">
        <v>1829</v>
      </c>
      <c r="C313" s="167"/>
      <c r="D313" s="3"/>
      <c r="E313" s="3"/>
      <c r="F313" s="114" t="str">
        <f t="shared" si="14"/>
        <v>　</v>
      </c>
      <c r="G313" s="112" t="s">
        <v>1345</v>
      </c>
      <c r="H313" s="122" t="s">
        <v>724</v>
      </c>
      <c r="I313" s="4">
        <v>41912</v>
      </c>
      <c r="J313" s="5" t="s">
        <v>2581</v>
      </c>
      <c r="K313" s="6" t="s">
        <v>1831</v>
      </c>
      <c r="L313" s="7" t="s">
        <v>1830</v>
      </c>
      <c r="M313" s="6" t="s">
        <v>1832</v>
      </c>
      <c r="N313" s="6" t="s">
        <v>1833</v>
      </c>
      <c r="O313" s="45">
        <v>60</v>
      </c>
    </row>
    <row r="314" spans="1:15" s="8" customFormat="1" ht="26.25" customHeight="1">
      <c r="A314" s="1" t="s">
        <v>2041</v>
      </c>
      <c r="B314" s="2" t="s">
        <v>2042</v>
      </c>
      <c r="C314" s="167"/>
      <c r="D314" s="3"/>
      <c r="E314" s="3"/>
      <c r="F314" s="114" t="str">
        <f t="shared" si="14"/>
        <v>　</v>
      </c>
      <c r="G314" s="135" t="s">
        <v>895</v>
      </c>
      <c r="H314" s="144" t="s">
        <v>2043</v>
      </c>
      <c r="I314" s="4">
        <v>42033</v>
      </c>
      <c r="J314" s="5" t="s">
        <v>2044</v>
      </c>
      <c r="K314" s="6" t="s">
        <v>2048</v>
      </c>
      <c r="L314" s="7" t="s">
        <v>2045</v>
      </c>
      <c r="M314" s="6" t="s">
        <v>2047</v>
      </c>
      <c r="N314" s="6" t="s">
        <v>2046</v>
      </c>
      <c r="O314" s="45">
        <v>116</v>
      </c>
    </row>
    <row r="315" spans="1:15" s="91" customFormat="1" ht="26.25" customHeight="1">
      <c r="A315" s="1" t="s">
        <v>1215</v>
      </c>
      <c r="B315" s="2" t="s">
        <v>2575</v>
      </c>
      <c r="C315" s="167"/>
      <c r="D315" s="3"/>
      <c r="E315" s="3"/>
      <c r="F315" s="114"/>
      <c r="G315" s="136"/>
      <c r="H315" s="145"/>
      <c r="I315" s="4">
        <v>43191</v>
      </c>
      <c r="J315" s="5"/>
      <c r="K315" s="6"/>
      <c r="L315" s="65" t="s">
        <v>2576</v>
      </c>
      <c r="M315" s="6"/>
      <c r="N315" s="6"/>
      <c r="O315" s="99" t="s">
        <v>2842</v>
      </c>
    </row>
    <row r="316" spans="1:15" s="8" customFormat="1" ht="26.25" customHeight="1">
      <c r="A316" s="1" t="s">
        <v>1215</v>
      </c>
      <c r="B316" s="2" t="s">
        <v>1876</v>
      </c>
      <c r="C316" s="167"/>
      <c r="D316" s="3"/>
      <c r="E316" s="3"/>
      <c r="F316" s="114" t="str">
        <f t="shared" ref="F316" si="15">IF(O316="","",IF(O316&lt;60,"○","　"))</f>
        <v>　</v>
      </c>
      <c r="G316" s="135" t="s">
        <v>1345</v>
      </c>
      <c r="H316" s="144" t="s">
        <v>1744</v>
      </c>
      <c r="I316" s="4">
        <v>42083</v>
      </c>
      <c r="J316" s="5" t="s">
        <v>1877</v>
      </c>
      <c r="K316" s="6" t="s">
        <v>1972</v>
      </c>
      <c r="L316" s="7" t="s">
        <v>1878</v>
      </c>
      <c r="M316" s="6" t="s">
        <v>2061</v>
      </c>
      <c r="N316" s="6"/>
      <c r="O316" s="45">
        <v>101</v>
      </c>
    </row>
    <row r="317" spans="1:15" s="8" customFormat="1" ht="26.25" customHeight="1">
      <c r="A317" s="1" t="s">
        <v>1215</v>
      </c>
      <c r="B317" s="2" t="s">
        <v>2649</v>
      </c>
      <c r="C317" s="167"/>
      <c r="D317" s="3"/>
      <c r="E317" s="3"/>
      <c r="F317" s="114"/>
      <c r="G317" s="136"/>
      <c r="H317" s="145"/>
      <c r="I317" s="4">
        <v>43374</v>
      </c>
      <c r="J317" s="5" t="s">
        <v>1877</v>
      </c>
      <c r="K317" s="6"/>
      <c r="L317" s="65" t="s">
        <v>2650</v>
      </c>
      <c r="M317" s="6" t="s">
        <v>2755</v>
      </c>
      <c r="N317" s="6"/>
      <c r="O317" s="99" t="s">
        <v>2843</v>
      </c>
    </row>
    <row r="318" spans="1:15" s="8" customFormat="1" ht="26.25" customHeight="1">
      <c r="A318" s="1" t="s">
        <v>1215</v>
      </c>
      <c r="B318" s="2" t="s">
        <v>1879</v>
      </c>
      <c r="C318" s="167"/>
      <c r="D318" s="3"/>
      <c r="E318" s="3"/>
      <c r="F318" s="114" t="str">
        <f>IF(O318="","",IF(O318&lt;60,"○","　"))</f>
        <v>○</v>
      </c>
      <c r="G318" s="112" t="s">
        <v>1345</v>
      </c>
      <c r="H318" s="122" t="s">
        <v>1880</v>
      </c>
      <c r="I318" s="4">
        <v>42090</v>
      </c>
      <c r="J318" s="5" t="s">
        <v>1881</v>
      </c>
      <c r="K318" s="6" t="s">
        <v>1970</v>
      </c>
      <c r="L318" s="7" t="s">
        <v>2754</v>
      </c>
      <c r="M318" s="6" t="s">
        <v>2062</v>
      </c>
      <c r="N318" s="6" t="s">
        <v>2062</v>
      </c>
      <c r="O318" s="45">
        <v>46</v>
      </c>
    </row>
    <row r="319" spans="1:15" s="8" customFormat="1" ht="26.25" customHeight="1">
      <c r="A319" s="1" t="s">
        <v>1215</v>
      </c>
      <c r="B319" s="2" t="s">
        <v>1882</v>
      </c>
      <c r="C319" s="167"/>
      <c r="D319" s="3"/>
      <c r="E319" s="3"/>
      <c r="F319" s="114" t="str">
        <f>IF(O319="","",IF(O319&lt;60,"○","　"))</f>
        <v>○</v>
      </c>
      <c r="G319" s="112" t="s">
        <v>895</v>
      </c>
      <c r="H319" s="122" t="s">
        <v>343</v>
      </c>
      <c r="I319" s="4">
        <v>42090</v>
      </c>
      <c r="J319" s="5" t="s">
        <v>1883</v>
      </c>
      <c r="K319" s="6" t="s">
        <v>1973</v>
      </c>
      <c r="L319" s="7" t="s">
        <v>1884</v>
      </c>
      <c r="M319" s="6" t="s">
        <v>2059</v>
      </c>
      <c r="N319" s="6"/>
      <c r="O319" s="45">
        <v>40</v>
      </c>
    </row>
    <row r="320" spans="1:15" s="8" customFormat="1" ht="26.25" customHeight="1">
      <c r="A320" s="1" t="s">
        <v>1215</v>
      </c>
      <c r="B320" s="2" t="s">
        <v>1899</v>
      </c>
      <c r="C320" s="167"/>
      <c r="D320" s="3"/>
      <c r="E320" s="3"/>
      <c r="F320" s="114" t="str">
        <f>IF(O320="","",IF(O320&lt;60,"○","　"))</f>
        <v>　</v>
      </c>
      <c r="G320" s="135" t="s">
        <v>1345</v>
      </c>
      <c r="H320" s="144" t="s">
        <v>1900</v>
      </c>
      <c r="I320" s="4">
        <v>42093</v>
      </c>
      <c r="J320" s="5" t="s">
        <v>2261</v>
      </c>
      <c r="K320" s="6" t="s">
        <v>1971</v>
      </c>
      <c r="L320" s="7" t="s">
        <v>1901</v>
      </c>
      <c r="M320" s="6" t="s">
        <v>2063</v>
      </c>
      <c r="N320" s="6"/>
      <c r="O320" s="45">
        <v>78</v>
      </c>
    </row>
    <row r="321" spans="1:15" s="8" customFormat="1" ht="26.25" customHeight="1">
      <c r="A321" s="1" t="s">
        <v>1215</v>
      </c>
      <c r="B321" s="2" t="s">
        <v>2594</v>
      </c>
      <c r="C321" s="167"/>
      <c r="D321" s="3"/>
      <c r="E321" s="3"/>
      <c r="F321" s="114"/>
      <c r="G321" s="136"/>
      <c r="H321" s="145"/>
      <c r="I321" s="4" t="s">
        <v>2595</v>
      </c>
      <c r="J321" s="5" t="s">
        <v>2261</v>
      </c>
      <c r="K321" s="6"/>
      <c r="L321" s="7" t="s">
        <v>2596</v>
      </c>
      <c r="M321" s="6"/>
      <c r="N321" s="6"/>
      <c r="O321" s="99" t="s">
        <v>2844</v>
      </c>
    </row>
    <row r="322" spans="1:15" s="8" customFormat="1" ht="26.25" customHeight="1">
      <c r="A322" s="1" t="s">
        <v>1215</v>
      </c>
      <c r="B322" s="2" t="s">
        <v>1932</v>
      </c>
      <c r="C322" s="167"/>
      <c r="D322" s="3"/>
      <c r="E322" s="3"/>
      <c r="F322" s="114" t="str">
        <f t="shared" ref="F322" si="16">IF(O322="","",IF(O322&lt;60,"○","　"))</f>
        <v>　</v>
      </c>
      <c r="G322" s="135" t="s">
        <v>601</v>
      </c>
      <c r="H322" s="144" t="s">
        <v>730</v>
      </c>
      <c r="I322" s="4">
        <v>42094</v>
      </c>
      <c r="J322" s="5" t="s">
        <v>1933</v>
      </c>
      <c r="K322" s="6" t="s">
        <v>1969</v>
      </c>
      <c r="L322" s="7" t="s">
        <v>1934</v>
      </c>
      <c r="M322" s="6" t="s">
        <v>2064</v>
      </c>
      <c r="N322" s="6"/>
      <c r="O322" s="45">
        <v>60</v>
      </c>
    </row>
    <row r="323" spans="1:15" s="8" customFormat="1" ht="26.25" customHeight="1">
      <c r="A323" s="1" t="s">
        <v>1215</v>
      </c>
      <c r="B323" s="2" t="s">
        <v>1935</v>
      </c>
      <c r="C323" s="167"/>
      <c r="D323" s="3"/>
      <c r="E323" s="3"/>
      <c r="F323" s="114" t="str">
        <f t="shared" ref="F323" si="17">IF(O323="","",IF(O323&lt;60,"○","　"))</f>
        <v>　</v>
      </c>
      <c r="G323" s="136"/>
      <c r="H323" s="145"/>
      <c r="I323" s="4">
        <v>42094</v>
      </c>
      <c r="J323" s="5" t="s">
        <v>1933</v>
      </c>
      <c r="K323" s="6" t="s">
        <v>1969</v>
      </c>
      <c r="L323" s="7" t="s">
        <v>1936</v>
      </c>
      <c r="M323" s="6" t="s">
        <v>2460</v>
      </c>
      <c r="N323" s="6"/>
      <c r="O323" s="157" t="s">
        <v>1937</v>
      </c>
    </row>
    <row r="324" spans="1:15" s="8" customFormat="1" ht="26.25" customHeight="1">
      <c r="A324" s="1" t="s">
        <v>1215</v>
      </c>
      <c r="B324" s="2" t="s">
        <v>1926</v>
      </c>
      <c r="C324" s="167"/>
      <c r="D324" s="3"/>
      <c r="E324" s="3"/>
      <c r="F324" s="114" t="str">
        <f t="shared" si="14"/>
        <v>　</v>
      </c>
      <c r="G324" s="112" t="s">
        <v>1345</v>
      </c>
      <c r="H324" s="122" t="s">
        <v>724</v>
      </c>
      <c r="I324" s="4">
        <v>42094</v>
      </c>
      <c r="J324" s="5" t="s">
        <v>2772</v>
      </c>
      <c r="K324" s="6" t="s">
        <v>1973</v>
      </c>
      <c r="L324" s="7" t="s">
        <v>1927</v>
      </c>
      <c r="M324" s="6" t="s">
        <v>1979</v>
      </c>
      <c r="N324" s="114" t="s">
        <v>1980</v>
      </c>
      <c r="O324" s="45">
        <v>60</v>
      </c>
    </row>
    <row r="325" spans="1:15" s="8" customFormat="1" ht="26.25" customHeight="1">
      <c r="A325" s="23" t="s">
        <v>1978</v>
      </c>
      <c r="B325" s="116" t="s">
        <v>2019</v>
      </c>
      <c r="C325" s="117"/>
      <c r="D325" s="129"/>
      <c r="E325" s="129"/>
      <c r="F325" s="29" t="str">
        <f t="shared" si="14"/>
        <v>○</v>
      </c>
      <c r="G325" s="24" t="s">
        <v>2040</v>
      </c>
      <c r="H325" s="67" t="s">
        <v>2020</v>
      </c>
      <c r="I325" s="4">
        <v>42090</v>
      </c>
      <c r="J325" s="26" t="s">
        <v>2022</v>
      </c>
      <c r="K325" s="27" t="s">
        <v>2023</v>
      </c>
      <c r="L325" s="28" t="s">
        <v>2021</v>
      </c>
      <c r="M325" s="27" t="s">
        <v>2024</v>
      </c>
      <c r="N325" s="27"/>
      <c r="O325" s="44">
        <v>38</v>
      </c>
    </row>
    <row r="326" spans="1:15" s="8" customFormat="1" ht="26.25" customHeight="1">
      <c r="A326" s="23" t="s">
        <v>1215</v>
      </c>
      <c r="B326" s="116" t="s">
        <v>2025</v>
      </c>
      <c r="C326" s="117"/>
      <c r="D326" s="129"/>
      <c r="E326" s="129"/>
      <c r="F326" s="29" t="str">
        <f t="shared" ref="F326:F333" si="18">IF(O326="","",IF(O326&lt;60,"○","　"))</f>
        <v>　</v>
      </c>
      <c r="G326" s="24" t="s">
        <v>1345</v>
      </c>
      <c r="H326" s="128" t="s">
        <v>1026</v>
      </c>
      <c r="I326" s="25">
        <v>42094</v>
      </c>
      <c r="J326" s="26" t="s">
        <v>2027</v>
      </c>
      <c r="K326" s="27" t="s">
        <v>2029</v>
      </c>
      <c r="L326" s="28" t="s">
        <v>2028</v>
      </c>
      <c r="M326" s="27" t="s">
        <v>2060</v>
      </c>
      <c r="N326" s="27"/>
      <c r="O326" s="44">
        <v>90</v>
      </c>
    </row>
    <row r="327" spans="1:15" s="8" customFormat="1" ht="26.25" customHeight="1">
      <c r="A327" s="23" t="s">
        <v>1215</v>
      </c>
      <c r="B327" s="116" t="s">
        <v>2097</v>
      </c>
      <c r="C327" s="117"/>
      <c r="D327" s="129"/>
      <c r="E327" s="129"/>
      <c r="F327" s="29" t="str">
        <f t="shared" si="18"/>
        <v>　</v>
      </c>
      <c r="G327" s="24" t="s">
        <v>895</v>
      </c>
      <c r="H327" s="128" t="s">
        <v>2098</v>
      </c>
      <c r="I327" s="25">
        <v>42215</v>
      </c>
      <c r="J327" s="26" t="s">
        <v>2647</v>
      </c>
      <c r="K327" s="27" t="s">
        <v>2023</v>
      </c>
      <c r="L327" s="28" t="s">
        <v>2105</v>
      </c>
      <c r="M327" s="27" t="s">
        <v>2099</v>
      </c>
      <c r="N327" s="27" t="s">
        <v>2100</v>
      </c>
      <c r="O327" s="44">
        <v>62</v>
      </c>
    </row>
    <row r="328" spans="1:15" s="8" customFormat="1" ht="26.25" customHeight="1">
      <c r="A328" s="23" t="s">
        <v>1215</v>
      </c>
      <c r="B328" s="116" t="s">
        <v>2107</v>
      </c>
      <c r="C328" s="117"/>
      <c r="D328" s="129"/>
      <c r="E328" s="129"/>
      <c r="F328" s="29" t="str">
        <f t="shared" si="18"/>
        <v>○</v>
      </c>
      <c r="G328" s="24" t="s">
        <v>1345</v>
      </c>
      <c r="H328" s="128" t="s">
        <v>2108</v>
      </c>
      <c r="I328" s="25">
        <v>42247</v>
      </c>
      <c r="J328" s="26" t="s">
        <v>2349</v>
      </c>
      <c r="K328" s="27" t="s">
        <v>76</v>
      </c>
      <c r="L328" s="28" t="s">
        <v>2109</v>
      </c>
      <c r="M328" s="27" t="s">
        <v>2132</v>
      </c>
      <c r="N328" s="27" t="s">
        <v>2132</v>
      </c>
      <c r="O328" s="44">
        <v>39</v>
      </c>
    </row>
    <row r="329" spans="1:15" s="8" customFormat="1" ht="26.25" customHeight="1">
      <c r="A329" s="23" t="s">
        <v>1215</v>
      </c>
      <c r="B329" s="116" t="s">
        <v>2348</v>
      </c>
      <c r="C329" s="117"/>
      <c r="D329" s="129"/>
      <c r="E329" s="129"/>
      <c r="F329" s="29" t="str">
        <f t="shared" si="18"/>
        <v>　</v>
      </c>
      <c r="G329" s="24" t="s">
        <v>1345</v>
      </c>
      <c r="H329" s="128" t="s">
        <v>2280</v>
      </c>
      <c r="I329" s="25">
        <v>42461</v>
      </c>
      <c r="J329" s="26" t="s">
        <v>2281</v>
      </c>
      <c r="K329" s="27" t="s">
        <v>2295</v>
      </c>
      <c r="L329" s="28" t="s">
        <v>2283</v>
      </c>
      <c r="M329" s="27" t="s">
        <v>2282</v>
      </c>
      <c r="N329" s="27" t="s">
        <v>2284</v>
      </c>
      <c r="O329" s="44">
        <v>60</v>
      </c>
    </row>
    <row r="330" spans="1:15" s="8" customFormat="1" ht="26.25" customHeight="1">
      <c r="A330" s="23" t="s">
        <v>1215</v>
      </c>
      <c r="B330" s="116" t="s">
        <v>2285</v>
      </c>
      <c r="C330" s="117"/>
      <c r="D330" s="129"/>
      <c r="E330" s="129"/>
      <c r="F330" s="29" t="str">
        <f t="shared" si="18"/>
        <v>　</v>
      </c>
      <c r="G330" s="24" t="s">
        <v>895</v>
      </c>
      <c r="H330" s="128" t="s">
        <v>2286</v>
      </c>
      <c r="I330" s="25">
        <v>42461</v>
      </c>
      <c r="J330" s="26" t="s">
        <v>2287</v>
      </c>
      <c r="K330" s="27" t="s">
        <v>2295</v>
      </c>
      <c r="L330" s="28" t="s">
        <v>2288</v>
      </c>
      <c r="M330" s="27" t="s">
        <v>2293</v>
      </c>
      <c r="N330" s="27"/>
      <c r="O330" s="44">
        <v>60</v>
      </c>
    </row>
    <row r="331" spans="1:15" s="8" customFormat="1" ht="26.25" customHeight="1">
      <c r="A331" s="23" t="s">
        <v>1215</v>
      </c>
      <c r="B331" s="63" t="s">
        <v>2289</v>
      </c>
      <c r="C331" s="168"/>
      <c r="D331" s="49"/>
      <c r="E331" s="49"/>
      <c r="F331" s="125" t="str">
        <f t="shared" si="18"/>
        <v>　</v>
      </c>
      <c r="G331" s="124" t="s">
        <v>1345</v>
      </c>
      <c r="H331" s="50" t="s">
        <v>2290</v>
      </c>
      <c r="I331" s="51">
        <v>42461</v>
      </c>
      <c r="J331" s="52" t="s">
        <v>2292</v>
      </c>
      <c r="K331" s="43" t="s">
        <v>2296</v>
      </c>
      <c r="L331" s="53" t="s">
        <v>2291</v>
      </c>
      <c r="M331" s="43" t="s">
        <v>2294</v>
      </c>
      <c r="N331" s="43"/>
      <c r="O331" s="54">
        <v>69</v>
      </c>
    </row>
    <row r="332" spans="1:15" s="8" customFormat="1" ht="26.25" customHeight="1">
      <c r="A332" s="23" t="s">
        <v>1215</v>
      </c>
      <c r="B332" s="116" t="s">
        <v>232</v>
      </c>
      <c r="C332" s="117"/>
      <c r="D332" s="129"/>
      <c r="E332" s="129"/>
      <c r="F332" s="29" t="str">
        <f t="shared" si="18"/>
        <v>　</v>
      </c>
      <c r="G332" s="148" t="s">
        <v>1113</v>
      </c>
      <c r="H332" s="144" t="s">
        <v>2188</v>
      </c>
      <c r="I332" s="25">
        <v>42447</v>
      </c>
      <c r="J332" s="26" t="s">
        <v>477</v>
      </c>
      <c r="K332" s="27" t="s">
        <v>82</v>
      </c>
      <c r="L332" s="28" t="s">
        <v>956</v>
      </c>
      <c r="M332" s="27" t="s">
        <v>83</v>
      </c>
      <c r="N332" s="27" t="s">
        <v>84</v>
      </c>
      <c r="O332" s="44">
        <v>60</v>
      </c>
    </row>
    <row r="333" spans="1:15" s="8" customFormat="1" ht="26.25" customHeight="1">
      <c r="A333" s="23" t="s">
        <v>1215</v>
      </c>
      <c r="B333" s="116" t="s">
        <v>2830</v>
      </c>
      <c r="C333" s="117"/>
      <c r="D333" s="129"/>
      <c r="E333" s="129"/>
      <c r="F333" s="29" t="str">
        <f t="shared" si="18"/>
        <v>　</v>
      </c>
      <c r="G333" s="149"/>
      <c r="H333" s="145"/>
      <c r="I333" s="25">
        <v>43523</v>
      </c>
      <c r="J333" s="26" t="s">
        <v>477</v>
      </c>
      <c r="K333" s="27"/>
      <c r="L333" s="107" t="s">
        <v>2831</v>
      </c>
      <c r="M333" s="27"/>
      <c r="N333" s="27"/>
      <c r="O333" s="41" t="s">
        <v>2845</v>
      </c>
    </row>
    <row r="334" spans="1:15" s="8" customFormat="1" ht="26.25" customHeight="1">
      <c r="A334" s="23" t="s">
        <v>1215</v>
      </c>
      <c r="B334" s="116" t="s">
        <v>2186</v>
      </c>
      <c r="C334" s="117"/>
      <c r="D334" s="129"/>
      <c r="E334" s="129"/>
      <c r="F334" s="29" t="str">
        <f t="shared" si="14"/>
        <v>　</v>
      </c>
      <c r="G334" s="24" t="s">
        <v>1345</v>
      </c>
      <c r="H334" s="128" t="s">
        <v>1026</v>
      </c>
      <c r="I334" s="25">
        <v>42459</v>
      </c>
      <c r="J334" s="26" t="s">
        <v>2187</v>
      </c>
      <c r="K334" s="27" t="s">
        <v>2461</v>
      </c>
      <c r="L334" s="28" t="s">
        <v>2462</v>
      </c>
      <c r="M334" s="27" t="s">
        <v>2193</v>
      </c>
      <c r="N334" s="27" t="s">
        <v>2193</v>
      </c>
      <c r="O334" s="44">
        <v>60</v>
      </c>
    </row>
    <row r="335" spans="1:15" s="8" customFormat="1" ht="26.25" customHeight="1">
      <c r="A335" s="23" t="s">
        <v>1215</v>
      </c>
      <c r="B335" s="116" t="s">
        <v>2224</v>
      </c>
      <c r="C335" s="117"/>
      <c r="D335" s="129"/>
      <c r="E335" s="129"/>
      <c r="F335" s="29" t="str">
        <f t="shared" ref="F335:F343" si="19">IF(O335="","",IF(O335&lt;60,"○","　"))</f>
        <v>　</v>
      </c>
      <c r="G335" s="24" t="s">
        <v>1345</v>
      </c>
      <c r="H335" s="128" t="s">
        <v>2446</v>
      </c>
      <c r="I335" s="25">
        <v>42459</v>
      </c>
      <c r="J335" s="26" t="s">
        <v>2814</v>
      </c>
      <c r="K335" s="27" t="s">
        <v>2226</v>
      </c>
      <c r="L335" s="28" t="s">
        <v>2225</v>
      </c>
      <c r="M335" s="27" t="s">
        <v>2465</v>
      </c>
      <c r="N335" s="27"/>
      <c r="O335" s="44">
        <v>60</v>
      </c>
    </row>
    <row r="336" spans="1:15" s="8" customFormat="1" ht="26.25" customHeight="1">
      <c r="A336" s="23" t="s">
        <v>1215</v>
      </c>
      <c r="B336" s="16" t="s">
        <v>2352</v>
      </c>
      <c r="C336" s="117"/>
      <c r="D336" s="49"/>
      <c r="E336" s="49"/>
      <c r="F336" s="125" t="str">
        <f t="shared" si="19"/>
        <v>　</v>
      </c>
      <c r="G336" s="24" t="s">
        <v>895</v>
      </c>
      <c r="H336" s="128" t="s">
        <v>343</v>
      </c>
      <c r="I336" s="25">
        <v>42725</v>
      </c>
      <c r="J336" s="26" t="s">
        <v>2353</v>
      </c>
      <c r="K336" s="27" t="s">
        <v>2355</v>
      </c>
      <c r="L336" s="28" t="s">
        <v>2354</v>
      </c>
      <c r="M336" s="94" t="s">
        <v>2356</v>
      </c>
      <c r="N336" s="27"/>
      <c r="O336" s="44">
        <v>90</v>
      </c>
    </row>
    <row r="337" spans="1:15" s="8" customFormat="1" ht="26.25" customHeight="1">
      <c r="A337" s="23" t="s">
        <v>1215</v>
      </c>
      <c r="B337" s="16" t="s">
        <v>2362</v>
      </c>
      <c r="C337" s="117"/>
      <c r="D337" s="49"/>
      <c r="E337" s="49"/>
      <c r="F337" s="125" t="str">
        <f t="shared" si="19"/>
        <v>　</v>
      </c>
      <c r="G337" s="113" t="s">
        <v>1345</v>
      </c>
      <c r="H337" s="123" t="s">
        <v>2363</v>
      </c>
      <c r="I337" s="25">
        <v>42823</v>
      </c>
      <c r="J337" s="26" t="s">
        <v>2364</v>
      </c>
      <c r="K337" s="27" t="s">
        <v>2463</v>
      </c>
      <c r="L337" s="28" t="s">
        <v>2648</v>
      </c>
      <c r="M337" s="94" t="s">
        <v>2464</v>
      </c>
      <c r="N337" s="27"/>
      <c r="O337" s="44">
        <v>65</v>
      </c>
    </row>
    <row r="338" spans="1:15" s="8" customFormat="1" ht="26.25" customHeight="1">
      <c r="A338" s="23" t="s">
        <v>1215</v>
      </c>
      <c r="B338" s="116" t="s">
        <v>2365</v>
      </c>
      <c r="C338" s="117"/>
      <c r="D338" s="17"/>
      <c r="E338" s="17"/>
      <c r="F338" s="115" t="str">
        <f t="shared" si="19"/>
        <v>　</v>
      </c>
      <c r="G338" s="113" t="s">
        <v>1345</v>
      </c>
      <c r="H338" s="128" t="s">
        <v>2447</v>
      </c>
      <c r="I338" s="25">
        <v>42823</v>
      </c>
      <c r="J338" s="19" t="s">
        <v>2661</v>
      </c>
      <c r="K338" s="20" t="s">
        <v>2468</v>
      </c>
      <c r="L338" s="21" t="s">
        <v>2466</v>
      </c>
      <c r="M338" s="164" t="s">
        <v>2467</v>
      </c>
      <c r="N338" s="20"/>
      <c r="O338" s="153">
        <v>60</v>
      </c>
    </row>
    <row r="339" spans="1:15" s="91" customFormat="1" ht="26.25" customHeight="1">
      <c r="A339" s="23" t="s">
        <v>1215</v>
      </c>
      <c r="B339" s="116" t="s">
        <v>2553</v>
      </c>
      <c r="C339" s="117"/>
      <c r="D339" s="129"/>
      <c r="E339" s="129"/>
      <c r="F339" s="29" t="str">
        <f t="shared" si="19"/>
        <v>　</v>
      </c>
      <c r="G339" s="24" t="s">
        <v>2492</v>
      </c>
      <c r="H339" s="128" t="s">
        <v>2554</v>
      </c>
      <c r="I339" s="25" t="s">
        <v>2552</v>
      </c>
      <c r="J339" s="26" t="s">
        <v>2555</v>
      </c>
      <c r="K339" s="27" t="s">
        <v>2600</v>
      </c>
      <c r="L339" s="28" t="s">
        <v>2556</v>
      </c>
      <c r="M339" s="94" t="s">
        <v>2601</v>
      </c>
      <c r="N339" s="27" t="s">
        <v>2602</v>
      </c>
      <c r="O339" s="44">
        <v>80</v>
      </c>
    </row>
    <row r="340" spans="1:15" s="91" customFormat="1" ht="26.25" customHeight="1">
      <c r="A340" s="23" t="s">
        <v>1215</v>
      </c>
      <c r="B340" s="130" t="s">
        <v>2550</v>
      </c>
      <c r="C340" s="131"/>
      <c r="D340" s="129"/>
      <c r="E340" s="129"/>
      <c r="F340" s="29" t="str">
        <f t="shared" si="19"/>
        <v>　</v>
      </c>
      <c r="G340" s="24" t="s">
        <v>2488</v>
      </c>
      <c r="H340" s="128" t="s">
        <v>1026</v>
      </c>
      <c r="I340" s="25" t="s">
        <v>2549</v>
      </c>
      <c r="J340" s="26" t="s">
        <v>2551</v>
      </c>
      <c r="K340" s="27" t="s">
        <v>2603</v>
      </c>
      <c r="L340" s="28" t="s">
        <v>2651</v>
      </c>
      <c r="M340" s="94"/>
      <c r="N340" s="27"/>
      <c r="O340" s="44">
        <v>90</v>
      </c>
    </row>
    <row r="341" spans="1:15" s="91" customFormat="1" ht="26.25" customHeight="1">
      <c r="A341" s="23" t="s">
        <v>1215</v>
      </c>
      <c r="B341" s="130" t="s">
        <v>2691</v>
      </c>
      <c r="C341" s="131"/>
      <c r="D341" s="129"/>
      <c r="E341" s="129"/>
      <c r="F341" s="29" t="str">
        <f t="shared" ref="F341" si="20">IF(O341="","",IF(O341&lt;60,"○","　"))</f>
        <v>　</v>
      </c>
      <c r="G341" s="24" t="s">
        <v>2488</v>
      </c>
      <c r="H341" s="128" t="s">
        <v>1888</v>
      </c>
      <c r="I341" s="25">
        <v>43552</v>
      </c>
      <c r="J341" s="26" t="s">
        <v>2692</v>
      </c>
      <c r="K341" s="27" t="s">
        <v>2693</v>
      </c>
      <c r="L341" s="28" t="s">
        <v>2694</v>
      </c>
      <c r="M341" s="94" t="s">
        <v>2747</v>
      </c>
      <c r="N341" s="27" t="s">
        <v>2748</v>
      </c>
      <c r="O341" s="44">
        <v>92</v>
      </c>
    </row>
    <row r="342" spans="1:15" s="91" customFormat="1" ht="26.25" customHeight="1">
      <c r="A342" s="23" t="s">
        <v>1215</v>
      </c>
      <c r="B342" s="130" t="s">
        <v>2686</v>
      </c>
      <c r="C342" s="131"/>
      <c r="D342" s="129"/>
      <c r="E342" s="129"/>
      <c r="F342" s="29" t="str">
        <f t="shared" ref="F342" si="21">IF(O342="","",IF(O342&lt;60,"○","　"))</f>
        <v>　</v>
      </c>
      <c r="G342" s="24" t="s">
        <v>2488</v>
      </c>
      <c r="H342" s="128" t="s">
        <v>2687</v>
      </c>
      <c r="I342" s="25">
        <v>43552</v>
      </c>
      <c r="J342" s="26" t="s">
        <v>2688</v>
      </c>
      <c r="K342" s="27" t="s">
        <v>2689</v>
      </c>
      <c r="L342" s="28" t="s">
        <v>2690</v>
      </c>
      <c r="M342" s="94" t="s">
        <v>2749</v>
      </c>
      <c r="N342" s="27" t="s">
        <v>2750</v>
      </c>
      <c r="O342" s="44">
        <v>68</v>
      </c>
    </row>
    <row r="343" spans="1:15" s="91" customFormat="1" ht="26.25" customHeight="1">
      <c r="A343" s="15" t="s">
        <v>1215</v>
      </c>
      <c r="B343" s="165" t="s">
        <v>2683</v>
      </c>
      <c r="C343" s="166"/>
      <c r="D343" s="49"/>
      <c r="E343" s="49"/>
      <c r="F343" s="125" t="str">
        <f t="shared" si="19"/>
        <v>　</v>
      </c>
      <c r="G343" s="113" t="s">
        <v>2488</v>
      </c>
      <c r="H343" s="123" t="s">
        <v>2446</v>
      </c>
      <c r="I343" s="18">
        <v>43552</v>
      </c>
      <c r="J343" s="52" t="s">
        <v>2684</v>
      </c>
      <c r="K343" s="43" t="s">
        <v>2685</v>
      </c>
      <c r="L343" s="53" t="s">
        <v>2751</v>
      </c>
      <c r="M343" s="95" t="s">
        <v>2752</v>
      </c>
      <c r="N343" s="43" t="s">
        <v>2753</v>
      </c>
      <c r="O343" s="54">
        <v>60</v>
      </c>
    </row>
    <row r="344" spans="1:15" s="8" customFormat="1" ht="26.25" customHeight="1">
      <c r="A344" s="68" t="s">
        <v>1217</v>
      </c>
      <c r="B344" s="69" t="s">
        <v>1218</v>
      </c>
      <c r="C344" s="170"/>
      <c r="D344" s="70"/>
      <c r="E344" s="70"/>
      <c r="F344" s="71" t="str">
        <f t="shared" si="13"/>
        <v>　</v>
      </c>
      <c r="G344" s="72" t="s">
        <v>1659</v>
      </c>
      <c r="H344" s="73" t="s">
        <v>1217</v>
      </c>
      <c r="I344" s="74">
        <v>19906</v>
      </c>
      <c r="J344" s="75" t="s">
        <v>2643</v>
      </c>
      <c r="K344" s="76" t="s">
        <v>85</v>
      </c>
      <c r="L344" s="77" t="s">
        <v>1219</v>
      </c>
      <c r="M344" s="76" t="s">
        <v>86</v>
      </c>
      <c r="N344" s="76" t="s">
        <v>87</v>
      </c>
      <c r="O344" s="158">
        <v>60</v>
      </c>
    </row>
    <row r="345" spans="1:15" s="8" customFormat="1" ht="26.25" customHeight="1">
      <c r="A345" s="23" t="s">
        <v>1217</v>
      </c>
      <c r="B345" s="116" t="s">
        <v>631</v>
      </c>
      <c r="C345" s="117"/>
      <c r="D345" s="129"/>
      <c r="E345" s="129"/>
      <c r="F345" s="29" t="str">
        <f t="shared" si="13"/>
        <v>　</v>
      </c>
      <c r="G345" s="24" t="s">
        <v>1659</v>
      </c>
      <c r="H345" s="128" t="s">
        <v>1217</v>
      </c>
      <c r="I345" s="25">
        <v>19876</v>
      </c>
      <c r="J345" s="26" t="s">
        <v>2790</v>
      </c>
      <c r="K345" s="27" t="s">
        <v>946</v>
      </c>
      <c r="L345" s="28" t="s">
        <v>1061</v>
      </c>
      <c r="M345" s="27" t="s">
        <v>88</v>
      </c>
      <c r="N345" s="27" t="s">
        <v>509</v>
      </c>
      <c r="O345" s="44">
        <v>150</v>
      </c>
    </row>
    <row r="346" spans="1:15" s="8" customFormat="1" ht="26.25" customHeight="1">
      <c r="A346" s="23" t="s">
        <v>1217</v>
      </c>
      <c r="B346" s="116" t="s">
        <v>1164</v>
      </c>
      <c r="C346" s="117"/>
      <c r="D346" s="129"/>
      <c r="E346" s="129"/>
      <c r="F346" s="29" t="str">
        <f t="shared" si="13"/>
        <v>　</v>
      </c>
      <c r="G346" s="24" t="s">
        <v>1659</v>
      </c>
      <c r="H346" s="128" t="s">
        <v>1217</v>
      </c>
      <c r="I346" s="25">
        <v>25659</v>
      </c>
      <c r="J346" s="26" t="s">
        <v>1679</v>
      </c>
      <c r="K346" s="27" t="s">
        <v>947</v>
      </c>
      <c r="L346" s="28" t="s">
        <v>1062</v>
      </c>
      <c r="M346" s="27" t="s">
        <v>89</v>
      </c>
      <c r="N346" s="27" t="s">
        <v>510</v>
      </c>
      <c r="O346" s="44">
        <v>120</v>
      </c>
    </row>
    <row r="347" spans="1:15" s="8" customFormat="1" ht="26.25" customHeight="1">
      <c r="A347" s="23" t="s">
        <v>1217</v>
      </c>
      <c r="B347" s="116" t="s">
        <v>1166</v>
      </c>
      <c r="C347" s="117"/>
      <c r="D347" s="129"/>
      <c r="E347" s="129"/>
      <c r="F347" s="29" t="str">
        <f t="shared" si="13"/>
        <v>　</v>
      </c>
      <c r="G347" s="24" t="s">
        <v>895</v>
      </c>
      <c r="H347" s="128" t="s">
        <v>2324</v>
      </c>
      <c r="I347" s="25">
        <v>22920</v>
      </c>
      <c r="J347" s="26" t="s">
        <v>478</v>
      </c>
      <c r="K347" s="27" t="s">
        <v>948</v>
      </c>
      <c r="L347" s="28" t="s">
        <v>1064</v>
      </c>
      <c r="M347" s="27" t="s">
        <v>92</v>
      </c>
      <c r="N347" s="27" t="s">
        <v>512</v>
      </c>
      <c r="O347" s="44">
        <v>90</v>
      </c>
    </row>
    <row r="348" spans="1:15" s="8" customFormat="1" ht="26.25" customHeight="1">
      <c r="A348" s="23" t="s">
        <v>1217</v>
      </c>
      <c r="B348" s="116" t="s">
        <v>1167</v>
      </c>
      <c r="C348" s="117"/>
      <c r="D348" s="129"/>
      <c r="E348" s="129"/>
      <c r="F348" s="29" t="str">
        <f t="shared" si="13"/>
        <v>　</v>
      </c>
      <c r="G348" s="24" t="s">
        <v>895</v>
      </c>
      <c r="H348" s="128" t="s">
        <v>994</v>
      </c>
      <c r="I348" s="25">
        <v>28764</v>
      </c>
      <c r="J348" s="26" t="s">
        <v>479</v>
      </c>
      <c r="K348" s="27" t="s">
        <v>949</v>
      </c>
      <c r="L348" s="28" t="s">
        <v>1065</v>
      </c>
      <c r="M348" s="27" t="s">
        <v>93</v>
      </c>
      <c r="N348" s="27" t="s">
        <v>513</v>
      </c>
      <c r="O348" s="44">
        <v>195</v>
      </c>
    </row>
    <row r="349" spans="1:15" s="8" customFormat="1" ht="26.25" customHeight="1">
      <c r="A349" s="23" t="s">
        <v>1217</v>
      </c>
      <c r="B349" s="116" t="s">
        <v>1168</v>
      </c>
      <c r="C349" s="117"/>
      <c r="D349" s="129"/>
      <c r="E349" s="129"/>
      <c r="F349" s="29" t="str">
        <f t="shared" si="13"/>
        <v>　</v>
      </c>
      <c r="G349" s="135" t="s">
        <v>895</v>
      </c>
      <c r="H349" s="144" t="s">
        <v>995</v>
      </c>
      <c r="I349" s="25">
        <v>27485</v>
      </c>
      <c r="J349" s="26" t="s">
        <v>1680</v>
      </c>
      <c r="K349" s="27" t="s">
        <v>950</v>
      </c>
      <c r="L349" s="28" t="s">
        <v>1066</v>
      </c>
      <c r="M349" s="27" t="s">
        <v>94</v>
      </c>
      <c r="N349" s="27" t="s">
        <v>514</v>
      </c>
      <c r="O349" s="44">
        <v>145</v>
      </c>
    </row>
    <row r="350" spans="1:15" s="42" customFormat="1" ht="26.25" customHeight="1">
      <c r="A350" s="23" t="s">
        <v>1217</v>
      </c>
      <c r="B350" s="116" t="s">
        <v>1283</v>
      </c>
      <c r="C350" s="117"/>
      <c r="D350" s="129"/>
      <c r="E350" s="129"/>
      <c r="F350" s="29" t="str">
        <f t="shared" si="13"/>
        <v>　</v>
      </c>
      <c r="G350" s="136"/>
      <c r="H350" s="145"/>
      <c r="I350" s="25">
        <v>37347</v>
      </c>
      <c r="J350" s="26" t="s">
        <v>1680</v>
      </c>
      <c r="K350" s="27" t="s">
        <v>947</v>
      </c>
      <c r="L350" s="28" t="s">
        <v>1067</v>
      </c>
      <c r="M350" s="27" t="s">
        <v>515</v>
      </c>
      <c r="N350" s="27" t="s">
        <v>515</v>
      </c>
      <c r="O350" s="44" t="s">
        <v>1681</v>
      </c>
    </row>
    <row r="351" spans="1:15" s="8" customFormat="1" ht="26.25" customHeight="1">
      <c r="A351" s="23" t="s">
        <v>1217</v>
      </c>
      <c r="B351" s="116" t="s">
        <v>1169</v>
      </c>
      <c r="C351" s="117"/>
      <c r="D351" s="129"/>
      <c r="E351" s="129"/>
      <c r="F351" s="29" t="str">
        <f t="shared" si="13"/>
        <v>　</v>
      </c>
      <c r="G351" s="24" t="s">
        <v>895</v>
      </c>
      <c r="H351" s="128" t="s">
        <v>996</v>
      </c>
      <c r="I351" s="25">
        <v>27485</v>
      </c>
      <c r="J351" s="26" t="s">
        <v>480</v>
      </c>
      <c r="K351" s="27" t="s">
        <v>951</v>
      </c>
      <c r="L351" s="28" t="s">
        <v>790</v>
      </c>
      <c r="M351" s="27" t="s">
        <v>95</v>
      </c>
      <c r="N351" s="27" t="s">
        <v>516</v>
      </c>
      <c r="O351" s="44">
        <v>90</v>
      </c>
    </row>
    <row r="352" spans="1:15" s="8" customFormat="1" ht="26.25" customHeight="1">
      <c r="A352" s="23" t="s">
        <v>1217</v>
      </c>
      <c r="B352" s="116" t="s">
        <v>1170</v>
      </c>
      <c r="C352" s="117"/>
      <c r="D352" s="129"/>
      <c r="E352" s="129"/>
      <c r="F352" s="29" t="str">
        <f t="shared" si="13"/>
        <v>　</v>
      </c>
      <c r="G352" s="24" t="s">
        <v>895</v>
      </c>
      <c r="H352" s="128" t="s">
        <v>997</v>
      </c>
      <c r="I352" s="25">
        <v>35886</v>
      </c>
      <c r="J352" s="26" t="s">
        <v>1798</v>
      </c>
      <c r="K352" s="27" t="s">
        <v>952</v>
      </c>
      <c r="L352" s="28" t="s">
        <v>1068</v>
      </c>
      <c r="M352" s="27" t="s">
        <v>96</v>
      </c>
      <c r="N352" s="27" t="s">
        <v>517</v>
      </c>
      <c r="O352" s="44">
        <v>120</v>
      </c>
    </row>
    <row r="353" spans="1:15" s="8" customFormat="1" ht="26.25" customHeight="1">
      <c r="A353" s="23" t="s">
        <v>1217</v>
      </c>
      <c r="B353" s="116" t="s">
        <v>1172</v>
      </c>
      <c r="C353" s="117"/>
      <c r="D353" s="129"/>
      <c r="E353" s="129"/>
      <c r="F353" s="29" t="str">
        <f t="shared" si="13"/>
        <v>　</v>
      </c>
      <c r="G353" s="24" t="s">
        <v>1113</v>
      </c>
      <c r="H353" s="128" t="s">
        <v>1033</v>
      </c>
      <c r="I353" s="25">
        <v>37712</v>
      </c>
      <c r="J353" s="26" t="s">
        <v>1242</v>
      </c>
      <c r="K353" s="27" t="s">
        <v>953</v>
      </c>
      <c r="L353" s="28" t="s">
        <v>1069</v>
      </c>
      <c r="M353" s="27" t="s">
        <v>97</v>
      </c>
      <c r="N353" s="27" t="s">
        <v>98</v>
      </c>
      <c r="O353" s="44">
        <v>70</v>
      </c>
    </row>
    <row r="354" spans="1:15" s="8" customFormat="1" ht="26.25" customHeight="1">
      <c r="A354" s="1" t="s">
        <v>1217</v>
      </c>
      <c r="B354" s="2" t="s">
        <v>1194</v>
      </c>
      <c r="C354" s="167"/>
      <c r="D354" s="3"/>
      <c r="E354" s="3"/>
      <c r="F354" s="114" t="str">
        <f t="shared" si="13"/>
        <v>　</v>
      </c>
      <c r="G354" s="112" t="s">
        <v>580</v>
      </c>
      <c r="H354" s="122" t="s">
        <v>1020</v>
      </c>
      <c r="I354" s="4">
        <v>37712</v>
      </c>
      <c r="J354" s="5" t="s">
        <v>1243</v>
      </c>
      <c r="K354" s="6" t="s">
        <v>953</v>
      </c>
      <c r="L354" s="7" t="s">
        <v>1070</v>
      </c>
      <c r="M354" s="6" t="s">
        <v>99</v>
      </c>
      <c r="N354" s="6" t="s">
        <v>518</v>
      </c>
      <c r="O354" s="45">
        <v>120</v>
      </c>
    </row>
    <row r="355" spans="1:15" s="8" customFormat="1" ht="26.25" customHeight="1">
      <c r="A355" s="1" t="s">
        <v>1217</v>
      </c>
      <c r="B355" s="2" t="s">
        <v>1165</v>
      </c>
      <c r="C355" s="167" t="s">
        <v>2660</v>
      </c>
      <c r="D355" s="3"/>
      <c r="E355" s="3"/>
      <c r="F355" s="114" t="str">
        <f>IF(O355="","",IF(O355&lt;60,"○","　"))</f>
        <v>　</v>
      </c>
      <c r="G355" s="112" t="s">
        <v>895</v>
      </c>
      <c r="H355" s="122" t="s">
        <v>2324</v>
      </c>
      <c r="I355" s="4">
        <v>42822</v>
      </c>
      <c r="J355" s="5" t="s">
        <v>2675</v>
      </c>
      <c r="K355" s="6" t="s">
        <v>90</v>
      </c>
      <c r="L355" s="7" t="s">
        <v>1063</v>
      </c>
      <c r="M355" s="6" t="s">
        <v>91</v>
      </c>
      <c r="N355" s="6" t="s">
        <v>511</v>
      </c>
      <c r="O355" s="45">
        <v>120</v>
      </c>
    </row>
    <row r="356" spans="1:15" s="101" customFormat="1" ht="26.25" customHeight="1">
      <c r="A356" s="23" t="s">
        <v>1217</v>
      </c>
      <c r="B356" s="130" t="s">
        <v>2546</v>
      </c>
      <c r="C356" s="131"/>
      <c r="D356" s="29"/>
      <c r="E356" s="29"/>
      <c r="F356" s="29" t="str">
        <f>IF(O356="","",IF(O356&lt;60,"○","　"))</f>
        <v>　</v>
      </c>
      <c r="G356" s="24" t="s">
        <v>2492</v>
      </c>
      <c r="H356" s="128" t="s">
        <v>2547</v>
      </c>
      <c r="I356" s="25">
        <v>43188</v>
      </c>
      <c r="J356" s="26" t="s">
        <v>2665</v>
      </c>
      <c r="K356" s="27"/>
      <c r="L356" s="28" t="s">
        <v>2548</v>
      </c>
      <c r="M356" s="27"/>
      <c r="N356" s="27"/>
      <c r="O356" s="44">
        <v>80</v>
      </c>
    </row>
    <row r="357" spans="1:15" s="100" customFormat="1" ht="26.25" customHeight="1">
      <c r="A357" s="55" t="s">
        <v>1217</v>
      </c>
      <c r="B357" s="104" t="s">
        <v>2677</v>
      </c>
      <c r="C357" s="169"/>
      <c r="D357" s="56"/>
      <c r="E357" s="56"/>
      <c r="F357" s="108" t="str">
        <f>IF(O357="","",IF(O357&lt;60,"○","　"))</f>
        <v>　</v>
      </c>
      <c r="G357" s="57" t="s">
        <v>2678</v>
      </c>
      <c r="H357" s="58" t="s">
        <v>2679</v>
      </c>
      <c r="I357" s="59">
        <v>43550</v>
      </c>
      <c r="J357" s="60" t="s">
        <v>2680</v>
      </c>
      <c r="K357" s="61" t="s">
        <v>2717</v>
      </c>
      <c r="L357" s="62" t="s">
        <v>2681</v>
      </c>
      <c r="M357" s="61" t="s">
        <v>2716</v>
      </c>
      <c r="N357" s="61"/>
      <c r="O357" s="93">
        <v>132</v>
      </c>
    </row>
    <row r="358" spans="1:15" s="8" customFormat="1" ht="26.25" customHeight="1">
      <c r="A358" s="15" t="s">
        <v>660</v>
      </c>
      <c r="B358" s="16" t="s">
        <v>661</v>
      </c>
      <c r="C358" s="110"/>
      <c r="D358" s="17"/>
      <c r="E358" s="17"/>
      <c r="F358" s="115" t="str">
        <f t="shared" si="13"/>
        <v>　</v>
      </c>
      <c r="G358" s="113" t="s">
        <v>1060</v>
      </c>
      <c r="H358" s="123" t="s">
        <v>660</v>
      </c>
      <c r="I358" s="18">
        <v>26024</v>
      </c>
      <c r="J358" s="19" t="s">
        <v>2802</v>
      </c>
      <c r="K358" s="20" t="s">
        <v>1683</v>
      </c>
      <c r="L358" s="21" t="s">
        <v>662</v>
      </c>
      <c r="M358" s="115" t="s">
        <v>663</v>
      </c>
      <c r="N358" s="115" t="s">
        <v>663</v>
      </c>
      <c r="O358" s="153">
        <v>120</v>
      </c>
    </row>
    <row r="359" spans="1:15" s="8" customFormat="1" ht="26.25" customHeight="1">
      <c r="A359" s="23" t="s">
        <v>660</v>
      </c>
      <c r="B359" s="116" t="s">
        <v>664</v>
      </c>
      <c r="C359" s="117"/>
      <c r="D359" s="129"/>
      <c r="E359" s="129"/>
      <c r="F359" s="29" t="str">
        <f t="shared" si="13"/>
        <v>　</v>
      </c>
      <c r="G359" s="24" t="s">
        <v>1060</v>
      </c>
      <c r="H359" s="128" t="s">
        <v>660</v>
      </c>
      <c r="I359" s="25">
        <v>26390</v>
      </c>
      <c r="J359" s="26" t="s">
        <v>1682</v>
      </c>
      <c r="K359" s="27" t="s">
        <v>665</v>
      </c>
      <c r="L359" s="28" t="s">
        <v>666</v>
      </c>
      <c r="M359" s="27" t="s">
        <v>519</v>
      </c>
      <c r="N359" s="27" t="s">
        <v>519</v>
      </c>
      <c r="O359" s="44">
        <v>60</v>
      </c>
    </row>
    <row r="360" spans="1:15" s="8" customFormat="1" ht="26.25" customHeight="1">
      <c r="A360" s="23" t="s">
        <v>660</v>
      </c>
      <c r="B360" s="116" t="s">
        <v>667</v>
      </c>
      <c r="C360" s="117"/>
      <c r="D360" s="129"/>
      <c r="E360" s="129"/>
      <c r="F360" s="29" t="str">
        <f t="shared" si="13"/>
        <v>　</v>
      </c>
      <c r="G360" s="24" t="s">
        <v>1060</v>
      </c>
      <c r="H360" s="128" t="s">
        <v>2635</v>
      </c>
      <c r="I360" s="25">
        <v>26755</v>
      </c>
      <c r="J360" s="26" t="s">
        <v>2585</v>
      </c>
      <c r="K360" s="27" t="s">
        <v>672</v>
      </c>
      <c r="L360" s="28" t="s">
        <v>673</v>
      </c>
      <c r="M360" s="27" t="s">
        <v>520</v>
      </c>
      <c r="N360" s="27" t="s">
        <v>520</v>
      </c>
      <c r="O360" s="44">
        <v>90</v>
      </c>
    </row>
    <row r="361" spans="1:15" s="8" customFormat="1" ht="26.25" customHeight="1">
      <c r="A361" s="23" t="s">
        <v>660</v>
      </c>
      <c r="B361" s="116" t="s">
        <v>674</v>
      </c>
      <c r="C361" s="117"/>
      <c r="D361" s="129"/>
      <c r="E361" s="129"/>
      <c r="F361" s="29" t="str">
        <f t="shared" si="13"/>
        <v>　</v>
      </c>
      <c r="G361" s="24" t="s">
        <v>1060</v>
      </c>
      <c r="H361" s="128" t="s">
        <v>660</v>
      </c>
      <c r="I361" s="25">
        <v>27485</v>
      </c>
      <c r="J361" s="26" t="s">
        <v>1812</v>
      </c>
      <c r="K361" s="27" t="s">
        <v>234</v>
      </c>
      <c r="L361" s="28" t="s">
        <v>675</v>
      </c>
      <c r="M361" s="27" t="s">
        <v>676</v>
      </c>
      <c r="N361" s="27" t="s">
        <v>521</v>
      </c>
      <c r="O361" s="44">
        <v>200</v>
      </c>
    </row>
    <row r="362" spans="1:15" s="8" customFormat="1" ht="26.25" customHeight="1">
      <c r="A362" s="23" t="s">
        <v>660</v>
      </c>
      <c r="B362" s="116" t="s">
        <v>677</v>
      </c>
      <c r="C362" s="117"/>
      <c r="D362" s="129"/>
      <c r="E362" s="129"/>
      <c r="F362" s="29" t="str">
        <f t="shared" si="13"/>
        <v>　</v>
      </c>
      <c r="G362" s="24" t="s">
        <v>1060</v>
      </c>
      <c r="H362" s="128" t="s">
        <v>660</v>
      </c>
      <c r="I362" s="25">
        <v>28581</v>
      </c>
      <c r="J362" s="26" t="s">
        <v>2419</v>
      </c>
      <c r="K362" s="27" t="s">
        <v>678</v>
      </c>
      <c r="L362" s="28" t="s">
        <v>679</v>
      </c>
      <c r="M362" s="27" t="s">
        <v>522</v>
      </c>
      <c r="N362" s="27" t="s">
        <v>522</v>
      </c>
      <c r="O362" s="44">
        <v>60</v>
      </c>
    </row>
    <row r="363" spans="1:15" s="8" customFormat="1" ht="26.25" customHeight="1">
      <c r="A363" s="23" t="s">
        <v>1909</v>
      </c>
      <c r="B363" s="116" t="s">
        <v>1910</v>
      </c>
      <c r="C363" s="117"/>
      <c r="D363" s="129"/>
      <c r="E363" s="129"/>
      <c r="F363" s="29" t="str">
        <f t="shared" si="13"/>
        <v>　</v>
      </c>
      <c r="G363" s="24" t="s">
        <v>1911</v>
      </c>
      <c r="H363" s="128" t="s">
        <v>1909</v>
      </c>
      <c r="I363" s="25">
        <v>42094</v>
      </c>
      <c r="J363" s="26" t="s">
        <v>2803</v>
      </c>
      <c r="K363" s="27" t="s">
        <v>1913</v>
      </c>
      <c r="L363" s="28" t="s">
        <v>1912</v>
      </c>
      <c r="M363" s="27" t="s">
        <v>2065</v>
      </c>
      <c r="N363" s="27"/>
      <c r="O363" s="44">
        <v>120</v>
      </c>
    </row>
    <row r="364" spans="1:15" s="8" customFormat="1" ht="26.25" customHeight="1">
      <c r="A364" s="23" t="s">
        <v>660</v>
      </c>
      <c r="B364" s="116" t="s">
        <v>680</v>
      </c>
      <c r="C364" s="117"/>
      <c r="D364" s="129"/>
      <c r="E364" s="129"/>
      <c r="F364" s="29" t="str">
        <f t="shared" si="13"/>
        <v>　</v>
      </c>
      <c r="G364" s="24" t="s">
        <v>681</v>
      </c>
      <c r="H364" s="128" t="s">
        <v>682</v>
      </c>
      <c r="I364" s="25">
        <v>24624</v>
      </c>
      <c r="J364" s="26" t="s">
        <v>2443</v>
      </c>
      <c r="K364" s="27" t="s">
        <v>683</v>
      </c>
      <c r="L364" s="28" t="s">
        <v>684</v>
      </c>
      <c r="M364" s="27" t="s">
        <v>685</v>
      </c>
      <c r="N364" s="27" t="s">
        <v>523</v>
      </c>
      <c r="O364" s="44">
        <v>120</v>
      </c>
    </row>
    <row r="365" spans="1:15" s="8" customFormat="1" ht="26.25" customHeight="1">
      <c r="A365" s="23" t="s">
        <v>660</v>
      </c>
      <c r="B365" s="116" t="s">
        <v>686</v>
      </c>
      <c r="C365" s="117"/>
      <c r="D365" s="129"/>
      <c r="E365" s="129"/>
      <c r="F365" s="29" t="str">
        <f t="shared" si="13"/>
        <v>　</v>
      </c>
      <c r="G365" s="24" t="s">
        <v>1806</v>
      </c>
      <c r="H365" s="128" t="s">
        <v>687</v>
      </c>
      <c r="I365" s="25">
        <v>20546</v>
      </c>
      <c r="J365" s="26" t="s">
        <v>1684</v>
      </c>
      <c r="K365" s="27" t="s">
        <v>688</v>
      </c>
      <c r="L365" s="28" t="s">
        <v>1685</v>
      </c>
      <c r="M365" s="27" t="s">
        <v>689</v>
      </c>
      <c r="N365" s="27" t="s">
        <v>525</v>
      </c>
      <c r="O365" s="44">
        <v>120</v>
      </c>
    </row>
    <row r="366" spans="1:15" s="8" customFormat="1" ht="26.25" customHeight="1">
      <c r="A366" s="23" t="s">
        <v>660</v>
      </c>
      <c r="B366" s="116" t="s">
        <v>690</v>
      </c>
      <c r="C366" s="117"/>
      <c r="D366" s="129"/>
      <c r="E366" s="129"/>
      <c r="F366" s="29" t="str">
        <f t="shared" si="13"/>
        <v>　</v>
      </c>
      <c r="G366" s="24" t="s">
        <v>1806</v>
      </c>
      <c r="H366" s="128" t="s">
        <v>687</v>
      </c>
      <c r="I366" s="25">
        <v>21459</v>
      </c>
      <c r="J366" s="26" t="s">
        <v>1686</v>
      </c>
      <c r="K366" s="27" t="s">
        <v>691</v>
      </c>
      <c r="L366" s="28" t="s">
        <v>692</v>
      </c>
      <c r="M366" s="27" t="s">
        <v>693</v>
      </c>
      <c r="N366" s="27" t="s">
        <v>524</v>
      </c>
      <c r="O366" s="44">
        <v>180</v>
      </c>
    </row>
    <row r="367" spans="1:15" s="8" customFormat="1" ht="26.25" customHeight="1">
      <c r="A367" s="23" t="s">
        <v>660</v>
      </c>
      <c r="B367" s="116" t="s">
        <v>694</v>
      </c>
      <c r="C367" s="117"/>
      <c r="D367" s="129"/>
      <c r="E367" s="129"/>
      <c r="F367" s="29" t="str">
        <f t="shared" si="13"/>
        <v>　</v>
      </c>
      <c r="G367" s="24" t="s">
        <v>681</v>
      </c>
      <c r="H367" s="128" t="s">
        <v>695</v>
      </c>
      <c r="I367" s="25">
        <v>38078</v>
      </c>
      <c r="J367" s="26" t="s">
        <v>2418</v>
      </c>
      <c r="K367" s="27" t="s">
        <v>696</v>
      </c>
      <c r="L367" s="28" t="s">
        <v>697</v>
      </c>
      <c r="M367" s="27" t="s">
        <v>698</v>
      </c>
      <c r="N367" s="27" t="s">
        <v>526</v>
      </c>
      <c r="O367" s="44">
        <v>60</v>
      </c>
    </row>
    <row r="368" spans="1:15" s="8" customFormat="1" ht="26.25" customHeight="1">
      <c r="A368" s="23" t="s">
        <v>660</v>
      </c>
      <c r="B368" s="126" t="s">
        <v>699</v>
      </c>
      <c r="C368" s="127"/>
      <c r="D368" s="64"/>
      <c r="E368" s="64"/>
      <c r="F368" s="29" t="str">
        <f t="shared" si="13"/>
        <v>　</v>
      </c>
      <c r="G368" s="24" t="s">
        <v>681</v>
      </c>
      <c r="H368" s="128" t="s">
        <v>999</v>
      </c>
      <c r="I368" s="25">
        <v>39173</v>
      </c>
      <c r="J368" s="26" t="s">
        <v>2398</v>
      </c>
      <c r="K368" s="27" t="s">
        <v>688</v>
      </c>
      <c r="L368" s="28" t="s">
        <v>1687</v>
      </c>
      <c r="M368" s="27" t="s">
        <v>534</v>
      </c>
      <c r="N368" s="27" t="s">
        <v>534</v>
      </c>
      <c r="O368" s="44">
        <v>60</v>
      </c>
    </row>
    <row r="369" spans="1:15" s="8" customFormat="1" ht="26.25" customHeight="1">
      <c r="A369" s="1" t="s">
        <v>660</v>
      </c>
      <c r="B369" s="2" t="s">
        <v>1688</v>
      </c>
      <c r="C369" s="127"/>
      <c r="D369" s="64"/>
      <c r="E369" s="64"/>
      <c r="F369" s="29" t="str">
        <f t="shared" si="13"/>
        <v>　</v>
      </c>
      <c r="G369" s="112" t="s">
        <v>895</v>
      </c>
      <c r="H369" s="122" t="s">
        <v>836</v>
      </c>
      <c r="I369" s="25">
        <v>41000</v>
      </c>
      <c r="J369" s="5" t="s">
        <v>2824</v>
      </c>
      <c r="K369" s="6" t="s">
        <v>700</v>
      </c>
      <c r="L369" s="7" t="s">
        <v>701</v>
      </c>
      <c r="M369" s="6" t="s">
        <v>702</v>
      </c>
      <c r="N369" s="6" t="s">
        <v>535</v>
      </c>
      <c r="O369" s="45">
        <v>60</v>
      </c>
    </row>
    <row r="370" spans="1:15" s="8" customFormat="1" ht="26.25" customHeight="1">
      <c r="A370" s="23" t="s">
        <v>660</v>
      </c>
      <c r="B370" s="116" t="s">
        <v>703</v>
      </c>
      <c r="C370" s="127"/>
      <c r="D370" s="64"/>
      <c r="E370" s="64"/>
      <c r="F370" s="29" t="str">
        <f t="shared" si="13"/>
        <v>　</v>
      </c>
      <c r="G370" s="24" t="s">
        <v>681</v>
      </c>
      <c r="H370" s="128" t="s">
        <v>704</v>
      </c>
      <c r="I370" s="25">
        <v>39904</v>
      </c>
      <c r="J370" s="26" t="s">
        <v>2796</v>
      </c>
      <c r="K370" s="27" t="s">
        <v>705</v>
      </c>
      <c r="L370" s="28" t="s">
        <v>706</v>
      </c>
      <c r="M370" s="27" t="s">
        <v>707</v>
      </c>
      <c r="N370" s="27" t="s">
        <v>708</v>
      </c>
      <c r="O370" s="44">
        <v>60</v>
      </c>
    </row>
    <row r="371" spans="1:15" s="8" customFormat="1" ht="26.25" customHeight="1">
      <c r="A371" s="23" t="s">
        <v>660</v>
      </c>
      <c r="B371" s="116" t="s">
        <v>709</v>
      </c>
      <c r="C371" s="127"/>
      <c r="D371" s="64"/>
      <c r="E371" s="64"/>
      <c r="F371" s="29" t="str">
        <f t="shared" si="13"/>
        <v>　</v>
      </c>
      <c r="G371" s="135" t="s">
        <v>681</v>
      </c>
      <c r="H371" s="144" t="s">
        <v>233</v>
      </c>
      <c r="I371" s="25">
        <v>40269</v>
      </c>
      <c r="J371" s="26" t="s">
        <v>1246</v>
      </c>
      <c r="K371" s="27" t="s">
        <v>234</v>
      </c>
      <c r="L371" s="28" t="s">
        <v>710</v>
      </c>
      <c r="M371" s="27" t="s">
        <v>711</v>
      </c>
      <c r="N371" s="27" t="s">
        <v>712</v>
      </c>
      <c r="O371" s="44">
        <v>90</v>
      </c>
    </row>
    <row r="372" spans="1:15" s="8" customFormat="1" ht="26.25" customHeight="1">
      <c r="A372" s="23" t="s">
        <v>660</v>
      </c>
      <c r="B372" s="116" t="s">
        <v>713</v>
      </c>
      <c r="C372" s="127"/>
      <c r="D372" s="64"/>
      <c r="E372" s="64"/>
      <c r="F372" s="29" t="str">
        <f t="shared" si="13"/>
        <v>　</v>
      </c>
      <c r="G372" s="136"/>
      <c r="H372" s="145"/>
      <c r="I372" s="25">
        <v>40513</v>
      </c>
      <c r="J372" s="26" t="s">
        <v>1246</v>
      </c>
      <c r="K372" s="27" t="s">
        <v>234</v>
      </c>
      <c r="L372" s="28" t="s">
        <v>714</v>
      </c>
      <c r="M372" s="27" t="s">
        <v>235</v>
      </c>
      <c r="N372" s="27" t="s">
        <v>236</v>
      </c>
      <c r="O372" s="44" t="s">
        <v>968</v>
      </c>
    </row>
    <row r="373" spans="1:15" s="8" customFormat="1" ht="26.25" customHeight="1">
      <c r="A373" s="1" t="s">
        <v>660</v>
      </c>
      <c r="B373" s="2" t="s">
        <v>715</v>
      </c>
      <c r="C373" s="167"/>
      <c r="D373" s="3"/>
      <c r="E373" s="3"/>
      <c r="F373" s="114" t="str">
        <f t="shared" si="13"/>
        <v>　</v>
      </c>
      <c r="G373" s="112" t="s">
        <v>681</v>
      </c>
      <c r="H373" s="122" t="s">
        <v>716</v>
      </c>
      <c r="I373" s="4">
        <v>40634</v>
      </c>
      <c r="J373" s="5" t="s">
        <v>389</v>
      </c>
      <c r="K373" s="6" t="s">
        <v>717</v>
      </c>
      <c r="L373" s="7" t="s">
        <v>598</v>
      </c>
      <c r="M373" s="6" t="s">
        <v>718</v>
      </c>
      <c r="N373" s="6" t="s">
        <v>599</v>
      </c>
      <c r="O373" s="45">
        <v>60</v>
      </c>
    </row>
    <row r="374" spans="1:15" s="8" customFormat="1" ht="26.25" customHeight="1">
      <c r="A374" s="23" t="s">
        <v>1739</v>
      </c>
      <c r="B374" s="116" t="s">
        <v>2378</v>
      </c>
      <c r="C374" s="117"/>
      <c r="D374" s="129"/>
      <c r="E374" s="129"/>
      <c r="F374" s="129" t="str">
        <f t="shared" si="13"/>
        <v>○</v>
      </c>
      <c r="G374" s="24" t="s">
        <v>1710</v>
      </c>
      <c r="H374" s="128" t="s">
        <v>2160</v>
      </c>
      <c r="I374" s="25">
        <v>41726</v>
      </c>
      <c r="J374" s="26" t="s">
        <v>1741</v>
      </c>
      <c r="K374" s="27" t="s">
        <v>1743</v>
      </c>
      <c r="L374" s="28" t="s">
        <v>1742</v>
      </c>
      <c r="M374" s="27" t="s">
        <v>1776</v>
      </c>
      <c r="N374" s="27"/>
      <c r="O374" s="44">
        <v>50</v>
      </c>
    </row>
    <row r="375" spans="1:15" s="8" customFormat="1" ht="26.25" customHeight="1">
      <c r="A375" s="1" t="s">
        <v>1739</v>
      </c>
      <c r="B375" s="2" t="s">
        <v>1740</v>
      </c>
      <c r="C375" s="167"/>
      <c r="D375" s="3"/>
      <c r="E375" s="3"/>
      <c r="F375" s="3" t="str">
        <f t="shared" si="13"/>
        <v>　</v>
      </c>
      <c r="G375" s="112" t="s">
        <v>1710</v>
      </c>
      <c r="H375" s="122" t="s">
        <v>1744</v>
      </c>
      <c r="I375" s="4">
        <v>41729</v>
      </c>
      <c r="J375" s="5" t="s">
        <v>2574</v>
      </c>
      <c r="K375" s="6" t="s">
        <v>1746</v>
      </c>
      <c r="L375" s="7" t="s">
        <v>1745</v>
      </c>
      <c r="M375" s="6" t="s">
        <v>1777</v>
      </c>
      <c r="N375" s="6"/>
      <c r="O375" s="45">
        <v>90</v>
      </c>
    </row>
    <row r="376" spans="1:15" s="8" customFormat="1" ht="26.25" customHeight="1">
      <c r="A376" s="1" t="s">
        <v>1739</v>
      </c>
      <c r="B376" s="2" t="s">
        <v>1902</v>
      </c>
      <c r="C376" s="167"/>
      <c r="D376" s="3"/>
      <c r="E376" s="3"/>
      <c r="F376" s="3" t="str">
        <f t="shared" ref="F376:F381" si="22">IF(O376="","",IF(O376&lt;60,"○","　"))</f>
        <v>　</v>
      </c>
      <c r="G376" s="112" t="s">
        <v>895</v>
      </c>
      <c r="H376" s="122" t="s">
        <v>1903</v>
      </c>
      <c r="I376" s="4">
        <v>42093</v>
      </c>
      <c r="J376" s="5" t="s">
        <v>1904</v>
      </c>
      <c r="K376" s="6" t="s">
        <v>2469</v>
      </c>
      <c r="L376" s="65" t="s">
        <v>2470</v>
      </c>
      <c r="M376" s="6" t="s">
        <v>2038</v>
      </c>
      <c r="N376" s="6"/>
      <c r="O376" s="45">
        <v>120</v>
      </c>
    </row>
    <row r="377" spans="1:15" s="8" customFormat="1" ht="26.25" customHeight="1">
      <c r="A377" s="23" t="s">
        <v>1739</v>
      </c>
      <c r="B377" s="116" t="s">
        <v>2176</v>
      </c>
      <c r="C377" s="117"/>
      <c r="D377" s="129"/>
      <c r="E377" s="129"/>
      <c r="F377" s="129" t="str">
        <f t="shared" ref="F377:F378" si="23">IF(O377="","",IF(O377&lt;60,"○","　"))</f>
        <v>　</v>
      </c>
      <c r="G377" s="24" t="s">
        <v>1345</v>
      </c>
      <c r="H377" s="128" t="s">
        <v>2177</v>
      </c>
      <c r="I377" s="25">
        <v>42458</v>
      </c>
      <c r="J377" s="26" t="s">
        <v>2201</v>
      </c>
      <c r="K377" s="27" t="s">
        <v>1683</v>
      </c>
      <c r="L377" s="96" t="s">
        <v>2202</v>
      </c>
      <c r="M377" s="27" t="s">
        <v>2248</v>
      </c>
      <c r="N377" s="27" t="s">
        <v>2250</v>
      </c>
      <c r="O377" s="44">
        <v>60</v>
      </c>
    </row>
    <row r="378" spans="1:15" s="8" customFormat="1" ht="26.25" customHeight="1">
      <c r="A378" s="23" t="s">
        <v>1739</v>
      </c>
      <c r="B378" s="116" t="s">
        <v>2391</v>
      </c>
      <c r="C378" s="117"/>
      <c r="D378" s="129"/>
      <c r="E378" s="129"/>
      <c r="F378" s="129" t="str">
        <f t="shared" si="23"/>
        <v>　</v>
      </c>
      <c r="G378" s="24" t="s">
        <v>895</v>
      </c>
      <c r="H378" s="128" t="s">
        <v>2392</v>
      </c>
      <c r="I378" s="25">
        <v>42850</v>
      </c>
      <c r="J378" s="26" t="s">
        <v>2771</v>
      </c>
      <c r="K378" s="27" t="s">
        <v>2440</v>
      </c>
      <c r="L378" s="96" t="s">
        <v>2834</v>
      </c>
      <c r="M378" s="22" t="s">
        <v>2441</v>
      </c>
      <c r="N378" s="27"/>
      <c r="O378" s="44">
        <v>78</v>
      </c>
    </row>
    <row r="379" spans="1:15" s="91" customFormat="1" ht="26.25" customHeight="1">
      <c r="A379" s="47" t="s">
        <v>1739</v>
      </c>
      <c r="B379" s="63" t="s">
        <v>2436</v>
      </c>
      <c r="C379" s="168"/>
      <c r="D379" s="49"/>
      <c r="E379" s="49"/>
      <c r="F379" s="49" t="str">
        <f t="shared" si="22"/>
        <v>　</v>
      </c>
      <c r="G379" s="124" t="s">
        <v>895</v>
      </c>
      <c r="H379" s="50" t="s">
        <v>2437</v>
      </c>
      <c r="I379" s="51">
        <v>42976</v>
      </c>
      <c r="J379" s="52" t="s">
        <v>2438</v>
      </c>
      <c r="K379" s="43" t="s">
        <v>2442</v>
      </c>
      <c r="L379" s="102" t="s">
        <v>2439</v>
      </c>
      <c r="M379" s="46" t="s">
        <v>2471</v>
      </c>
      <c r="N379" s="43"/>
      <c r="O379" s="54">
        <v>72</v>
      </c>
    </row>
    <row r="380" spans="1:15" s="97" customFormat="1" ht="26.25" customHeight="1">
      <c r="A380" s="23" t="s">
        <v>2557</v>
      </c>
      <c r="B380" s="130" t="s">
        <v>2558</v>
      </c>
      <c r="C380" s="131"/>
      <c r="D380" s="29"/>
      <c r="E380" s="29"/>
      <c r="F380" s="29" t="str">
        <f t="shared" si="22"/>
        <v>　</v>
      </c>
      <c r="G380" s="24" t="s">
        <v>2559</v>
      </c>
      <c r="H380" s="128" t="s">
        <v>2558</v>
      </c>
      <c r="I380" s="25">
        <v>43188</v>
      </c>
      <c r="J380" s="26" t="s">
        <v>2560</v>
      </c>
      <c r="K380" s="27"/>
      <c r="L380" s="96" t="s">
        <v>2561</v>
      </c>
      <c r="M380" s="22"/>
      <c r="N380" s="27"/>
      <c r="O380" s="44">
        <v>60</v>
      </c>
    </row>
    <row r="381" spans="1:15" s="97" customFormat="1" ht="26.25" customHeight="1">
      <c r="A381" s="32" t="s">
        <v>2557</v>
      </c>
      <c r="B381" s="150" t="s">
        <v>2562</v>
      </c>
      <c r="C381" s="151"/>
      <c r="D381" s="40"/>
      <c r="E381" s="40"/>
      <c r="F381" s="40" t="str">
        <f t="shared" si="22"/>
        <v>○</v>
      </c>
      <c r="G381" s="34" t="s">
        <v>2488</v>
      </c>
      <c r="H381" s="35" t="s">
        <v>2563</v>
      </c>
      <c r="I381" s="36">
        <v>43188</v>
      </c>
      <c r="J381" s="37" t="s">
        <v>2564</v>
      </c>
      <c r="K381" s="38" t="s">
        <v>2634</v>
      </c>
      <c r="L381" s="177" t="s">
        <v>2565</v>
      </c>
      <c r="M381" s="178" t="s">
        <v>2633</v>
      </c>
      <c r="N381" s="38"/>
      <c r="O381" s="156">
        <v>50</v>
      </c>
    </row>
    <row r="382" spans="1:15" s="8" customFormat="1" ht="26.25" customHeight="1">
      <c r="A382" s="15" t="s">
        <v>775</v>
      </c>
      <c r="B382" s="16" t="s">
        <v>776</v>
      </c>
      <c r="C382" s="110"/>
      <c r="D382" s="17"/>
      <c r="E382" s="17"/>
      <c r="F382" s="17" t="str">
        <f t="shared" si="13"/>
        <v>　</v>
      </c>
      <c r="G382" s="113" t="s">
        <v>1071</v>
      </c>
      <c r="H382" s="123" t="s">
        <v>775</v>
      </c>
      <c r="I382" s="18">
        <v>23833</v>
      </c>
      <c r="J382" s="19" t="s">
        <v>1354</v>
      </c>
      <c r="K382" s="20" t="s">
        <v>100</v>
      </c>
      <c r="L382" s="21" t="s">
        <v>777</v>
      </c>
      <c r="M382" s="20" t="s">
        <v>101</v>
      </c>
      <c r="N382" s="20" t="s">
        <v>102</v>
      </c>
      <c r="O382" s="153">
        <v>100</v>
      </c>
    </row>
    <row r="383" spans="1:15" s="8" customFormat="1" ht="26.25" customHeight="1">
      <c r="A383" s="23" t="s">
        <v>775</v>
      </c>
      <c r="B383" s="116" t="s">
        <v>778</v>
      </c>
      <c r="C383" s="117"/>
      <c r="D383" s="129"/>
      <c r="E383" s="129"/>
      <c r="F383" s="129" t="str">
        <f t="shared" si="13"/>
        <v>　</v>
      </c>
      <c r="G383" s="24" t="s">
        <v>1071</v>
      </c>
      <c r="H383" s="128" t="s">
        <v>775</v>
      </c>
      <c r="I383" s="25">
        <v>28216</v>
      </c>
      <c r="J383" s="26" t="s">
        <v>415</v>
      </c>
      <c r="K383" s="27" t="s">
        <v>103</v>
      </c>
      <c r="L383" s="28" t="s">
        <v>1072</v>
      </c>
      <c r="M383" s="27" t="s">
        <v>2249</v>
      </c>
      <c r="N383" s="27" t="s">
        <v>104</v>
      </c>
      <c r="O383" s="44">
        <v>80</v>
      </c>
    </row>
    <row r="384" spans="1:15" s="8" customFormat="1" ht="26.25" customHeight="1">
      <c r="A384" s="23" t="s">
        <v>775</v>
      </c>
      <c r="B384" s="116" t="s">
        <v>779</v>
      </c>
      <c r="C384" s="117"/>
      <c r="D384" s="129"/>
      <c r="E384" s="129"/>
      <c r="F384" s="129" t="str">
        <f t="shared" si="13"/>
        <v>　</v>
      </c>
      <c r="G384" s="24" t="s">
        <v>1071</v>
      </c>
      <c r="H384" s="128" t="s">
        <v>775</v>
      </c>
      <c r="I384" s="25">
        <v>24198</v>
      </c>
      <c r="J384" s="26" t="s">
        <v>1811</v>
      </c>
      <c r="K384" s="27" t="s">
        <v>105</v>
      </c>
      <c r="L384" s="28" t="s">
        <v>1073</v>
      </c>
      <c r="M384" s="27" t="s">
        <v>106</v>
      </c>
      <c r="N384" s="27" t="s">
        <v>107</v>
      </c>
      <c r="O384" s="44">
        <v>60</v>
      </c>
    </row>
    <row r="385" spans="1:15" s="8" customFormat="1" ht="26.25" customHeight="1">
      <c r="A385" s="23" t="s">
        <v>775</v>
      </c>
      <c r="B385" s="116" t="s">
        <v>1268</v>
      </c>
      <c r="C385" s="117"/>
      <c r="D385" s="129"/>
      <c r="E385" s="129"/>
      <c r="F385" s="129" t="str">
        <f t="shared" si="13"/>
        <v>　</v>
      </c>
      <c r="G385" s="24" t="s">
        <v>1071</v>
      </c>
      <c r="H385" s="128" t="s">
        <v>775</v>
      </c>
      <c r="I385" s="25">
        <v>25294</v>
      </c>
      <c r="J385" s="26" t="s">
        <v>1697</v>
      </c>
      <c r="K385" s="27" t="s">
        <v>108</v>
      </c>
      <c r="L385" s="28" t="s">
        <v>1269</v>
      </c>
      <c r="M385" s="27" t="s">
        <v>109</v>
      </c>
      <c r="N385" s="27" t="s">
        <v>110</v>
      </c>
      <c r="O385" s="44">
        <v>60</v>
      </c>
    </row>
    <row r="386" spans="1:15" s="8" customFormat="1" ht="26.25" customHeight="1">
      <c r="A386" s="23" t="s">
        <v>775</v>
      </c>
      <c r="B386" s="116" t="s">
        <v>780</v>
      </c>
      <c r="C386" s="117"/>
      <c r="D386" s="129"/>
      <c r="E386" s="129"/>
      <c r="F386" s="129" t="str">
        <f t="shared" si="13"/>
        <v>　</v>
      </c>
      <c r="G386" s="24" t="s">
        <v>1071</v>
      </c>
      <c r="H386" s="128" t="s">
        <v>775</v>
      </c>
      <c r="I386" s="25">
        <v>26390</v>
      </c>
      <c r="J386" s="26" t="s">
        <v>2074</v>
      </c>
      <c r="K386" s="27" t="s">
        <v>111</v>
      </c>
      <c r="L386" s="28" t="s">
        <v>2050</v>
      </c>
      <c r="M386" s="27" t="s">
        <v>112</v>
      </c>
      <c r="N386" s="27" t="s">
        <v>114</v>
      </c>
      <c r="O386" s="44">
        <v>83</v>
      </c>
    </row>
    <row r="387" spans="1:15" s="8" customFormat="1" ht="26.25" customHeight="1">
      <c r="A387" s="23" t="s">
        <v>775</v>
      </c>
      <c r="B387" s="116" t="s">
        <v>781</v>
      </c>
      <c r="C387" s="117"/>
      <c r="D387" s="129"/>
      <c r="E387" s="129"/>
      <c r="F387" s="129" t="str">
        <f t="shared" si="13"/>
        <v>　</v>
      </c>
      <c r="G387" s="24" t="s">
        <v>1071</v>
      </c>
      <c r="H387" s="128" t="s">
        <v>775</v>
      </c>
      <c r="I387" s="25">
        <v>24563</v>
      </c>
      <c r="J387" s="26" t="s">
        <v>1355</v>
      </c>
      <c r="K387" s="27" t="s">
        <v>115</v>
      </c>
      <c r="L387" s="28" t="s">
        <v>1074</v>
      </c>
      <c r="M387" s="27" t="s">
        <v>116</v>
      </c>
      <c r="N387" s="27" t="s">
        <v>117</v>
      </c>
      <c r="O387" s="44">
        <v>60</v>
      </c>
    </row>
    <row r="388" spans="1:15" s="8" customFormat="1" ht="26.25" customHeight="1">
      <c r="A388" s="23" t="s">
        <v>775</v>
      </c>
      <c r="B388" s="116" t="s">
        <v>1144</v>
      </c>
      <c r="C388" s="117"/>
      <c r="D388" s="129"/>
      <c r="E388" s="129"/>
      <c r="F388" s="129" t="str">
        <f t="shared" si="13"/>
        <v>　</v>
      </c>
      <c r="G388" s="24" t="s">
        <v>1071</v>
      </c>
      <c r="H388" s="128" t="s">
        <v>775</v>
      </c>
      <c r="I388" s="25">
        <v>25659</v>
      </c>
      <c r="J388" s="26" t="s">
        <v>414</v>
      </c>
      <c r="K388" s="27" t="s">
        <v>118</v>
      </c>
      <c r="L388" s="28" t="s">
        <v>1075</v>
      </c>
      <c r="M388" s="27" t="s">
        <v>119</v>
      </c>
      <c r="N388" s="27" t="s">
        <v>120</v>
      </c>
      <c r="O388" s="44">
        <v>80</v>
      </c>
    </row>
    <row r="389" spans="1:15" s="8" customFormat="1" ht="26.25" customHeight="1">
      <c r="A389" s="23" t="s">
        <v>775</v>
      </c>
      <c r="B389" s="116" t="s">
        <v>1146</v>
      </c>
      <c r="C389" s="117"/>
      <c r="D389" s="129"/>
      <c r="E389" s="129"/>
      <c r="F389" s="129" t="str">
        <f t="shared" si="13"/>
        <v>　</v>
      </c>
      <c r="G389" s="24" t="s">
        <v>1071</v>
      </c>
      <c r="H389" s="128" t="s">
        <v>775</v>
      </c>
      <c r="I389" s="25">
        <v>27120</v>
      </c>
      <c r="J389" s="26" t="s">
        <v>413</v>
      </c>
      <c r="K389" s="27" t="s">
        <v>121</v>
      </c>
      <c r="L389" s="28" t="s">
        <v>1076</v>
      </c>
      <c r="M389" s="27" t="s">
        <v>122</v>
      </c>
      <c r="N389" s="27" t="s">
        <v>123</v>
      </c>
      <c r="O389" s="44">
        <v>75</v>
      </c>
    </row>
    <row r="390" spans="1:15" s="8" customFormat="1" ht="26.25" customHeight="1">
      <c r="A390" s="23" t="s">
        <v>775</v>
      </c>
      <c r="B390" s="116" t="s">
        <v>1147</v>
      </c>
      <c r="C390" s="117"/>
      <c r="D390" s="129"/>
      <c r="E390" s="129"/>
      <c r="F390" s="129" t="str">
        <f t="shared" si="13"/>
        <v>　</v>
      </c>
      <c r="G390" s="24" t="s">
        <v>1071</v>
      </c>
      <c r="H390" s="128" t="s">
        <v>775</v>
      </c>
      <c r="I390" s="25">
        <v>28946</v>
      </c>
      <c r="J390" s="19" t="s">
        <v>416</v>
      </c>
      <c r="K390" s="27" t="s">
        <v>105</v>
      </c>
      <c r="L390" s="28" t="s">
        <v>1077</v>
      </c>
      <c r="M390" s="27" t="s">
        <v>124</v>
      </c>
      <c r="N390" s="27" t="s">
        <v>125</v>
      </c>
      <c r="O390" s="44">
        <v>120</v>
      </c>
    </row>
    <row r="391" spans="1:15" s="8" customFormat="1" ht="26.25" customHeight="1">
      <c r="A391" s="23" t="s">
        <v>775</v>
      </c>
      <c r="B391" s="116" t="s">
        <v>1148</v>
      </c>
      <c r="C391" s="117"/>
      <c r="D391" s="129"/>
      <c r="E391" s="129"/>
      <c r="F391" s="129" t="str">
        <f t="shared" si="13"/>
        <v>　</v>
      </c>
      <c r="G391" s="24" t="s">
        <v>895</v>
      </c>
      <c r="H391" s="128" t="s">
        <v>1000</v>
      </c>
      <c r="I391" s="25">
        <v>28581</v>
      </c>
      <c r="J391" s="26" t="s">
        <v>412</v>
      </c>
      <c r="K391" s="27" t="s">
        <v>108</v>
      </c>
      <c r="L391" s="28" t="s">
        <v>721</v>
      </c>
      <c r="M391" s="27" t="s">
        <v>126</v>
      </c>
      <c r="N391" s="27" t="s">
        <v>527</v>
      </c>
      <c r="O391" s="44">
        <v>80</v>
      </c>
    </row>
    <row r="392" spans="1:15" s="8" customFormat="1" ht="26.25" customHeight="1">
      <c r="A392" s="23" t="s">
        <v>775</v>
      </c>
      <c r="B392" s="116" t="s">
        <v>2266</v>
      </c>
      <c r="C392" s="117"/>
      <c r="D392" s="129"/>
      <c r="E392" s="129"/>
      <c r="F392" s="129" t="str">
        <f t="shared" si="13"/>
        <v>　</v>
      </c>
      <c r="G392" s="24" t="s">
        <v>895</v>
      </c>
      <c r="H392" s="128" t="s">
        <v>1000</v>
      </c>
      <c r="I392" s="25">
        <v>42461</v>
      </c>
      <c r="J392" s="26" t="s">
        <v>412</v>
      </c>
      <c r="K392" s="27"/>
      <c r="L392" s="28" t="s">
        <v>2267</v>
      </c>
      <c r="M392" s="27"/>
      <c r="N392" s="27"/>
      <c r="O392" s="154" t="s">
        <v>2357</v>
      </c>
    </row>
    <row r="393" spans="1:15" s="8" customFormat="1" ht="26.25" customHeight="1">
      <c r="A393" s="23" t="s">
        <v>775</v>
      </c>
      <c r="B393" s="116" t="s">
        <v>1285</v>
      </c>
      <c r="C393" s="117"/>
      <c r="D393" s="129"/>
      <c r="E393" s="129"/>
      <c r="F393" s="129" t="str">
        <f t="shared" si="13"/>
        <v>　</v>
      </c>
      <c r="G393" s="24" t="s">
        <v>895</v>
      </c>
      <c r="H393" s="128" t="s">
        <v>1001</v>
      </c>
      <c r="I393" s="25">
        <v>18681</v>
      </c>
      <c r="J393" s="26" t="s">
        <v>2832</v>
      </c>
      <c r="K393" s="27" t="s">
        <v>127</v>
      </c>
      <c r="L393" s="28" t="s">
        <v>2670</v>
      </c>
      <c r="M393" s="27" t="s">
        <v>128</v>
      </c>
      <c r="N393" s="27" t="s">
        <v>528</v>
      </c>
      <c r="O393" s="44">
        <v>90</v>
      </c>
    </row>
    <row r="394" spans="1:15" s="8" customFormat="1" ht="26.25" customHeight="1">
      <c r="A394" s="23" t="s">
        <v>775</v>
      </c>
      <c r="B394" s="126" t="s">
        <v>1287</v>
      </c>
      <c r="C394" s="127"/>
      <c r="D394" s="64"/>
      <c r="E394" s="64"/>
      <c r="F394" s="129" t="str">
        <f t="shared" si="13"/>
        <v>　</v>
      </c>
      <c r="G394" s="24" t="s">
        <v>895</v>
      </c>
      <c r="H394" s="128" t="s">
        <v>998</v>
      </c>
      <c r="I394" s="25">
        <v>26390</v>
      </c>
      <c r="J394" s="26" t="s">
        <v>411</v>
      </c>
      <c r="K394" s="27" t="s">
        <v>129</v>
      </c>
      <c r="L394" s="28" t="s">
        <v>1078</v>
      </c>
      <c r="M394" s="27" t="s">
        <v>130</v>
      </c>
      <c r="N394" s="27" t="s">
        <v>529</v>
      </c>
      <c r="O394" s="44">
        <v>100</v>
      </c>
    </row>
    <row r="395" spans="1:15" s="8" customFormat="1" ht="26.25" customHeight="1">
      <c r="A395" s="23" t="s">
        <v>775</v>
      </c>
      <c r="B395" s="116" t="s">
        <v>1288</v>
      </c>
      <c r="C395" s="117"/>
      <c r="D395" s="129"/>
      <c r="E395" s="129"/>
      <c r="F395" s="129" t="str">
        <f t="shared" si="13"/>
        <v>　</v>
      </c>
      <c r="G395" s="24" t="s">
        <v>895</v>
      </c>
      <c r="H395" s="128" t="s">
        <v>1001</v>
      </c>
      <c r="I395" s="25">
        <v>25659</v>
      </c>
      <c r="J395" s="26" t="s">
        <v>2263</v>
      </c>
      <c r="K395" s="27" t="s">
        <v>127</v>
      </c>
      <c r="L395" s="28" t="s">
        <v>2671</v>
      </c>
      <c r="M395" s="27" t="s">
        <v>131</v>
      </c>
      <c r="N395" s="27" t="s">
        <v>530</v>
      </c>
      <c r="O395" s="44">
        <v>90</v>
      </c>
    </row>
    <row r="396" spans="1:15" s="8" customFormat="1" ht="26.25" customHeight="1">
      <c r="A396" s="23" t="s">
        <v>775</v>
      </c>
      <c r="B396" s="116" t="s">
        <v>1289</v>
      </c>
      <c r="C396" s="117"/>
      <c r="D396" s="129"/>
      <c r="E396" s="129"/>
      <c r="F396" s="129" t="str">
        <f t="shared" si="13"/>
        <v>　</v>
      </c>
      <c r="G396" s="24" t="s">
        <v>895</v>
      </c>
      <c r="H396" s="128" t="s">
        <v>1002</v>
      </c>
      <c r="I396" s="25">
        <v>29312</v>
      </c>
      <c r="J396" s="26" t="s">
        <v>410</v>
      </c>
      <c r="K396" s="27" t="s">
        <v>108</v>
      </c>
      <c r="L396" s="28" t="s">
        <v>722</v>
      </c>
      <c r="M396" s="27" t="s">
        <v>132</v>
      </c>
      <c r="N396" s="27" t="s">
        <v>531</v>
      </c>
      <c r="O396" s="44">
        <v>60</v>
      </c>
    </row>
    <row r="397" spans="1:15" s="8" customFormat="1" ht="26.25" customHeight="1">
      <c r="A397" s="23" t="s">
        <v>775</v>
      </c>
      <c r="B397" s="116" t="s">
        <v>1290</v>
      </c>
      <c r="C397" s="117"/>
      <c r="D397" s="129"/>
      <c r="E397" s="129"/>
      <c r="F397" s="129" t="str">
        <f t="shared" si="13"/>
        <v>　</v>
      </c>
      <c r="G397" s="24" t="s">
        <v>895</v>
      </c>
      <c r="H397" s="128" t="s">
        <v>1003</v>
      </c>
      <c r="I397" s="25">
        <v>29677</v>
      </c>
      <c r="J397" s="26" t="s">
        <v>409</v>
      </c>
      <c r="K397" s="27" t="s">
        <v>133</v>
      </c>
      <c r="L397" s="28" t="s">
        <v>1079</v>
      </c>
      <c r="M397" s="27" t="s">
        <v>134</v>
      </c>
      <c r="N397" s="27" t="s">
        <v>532</v>
      </c>
      <c r="O397" s="44">
        <v>60</v>
      </c>
    </row>
    <row r="398" spans="1:15" s="8" customFormat="1" ht="26.25" customHeight="1">
      <c r="A398" s="23" t="s">
        <v>775</v>
      </c>
      <c r="B398" s="116" t="s">
        <v>840</v>
      </c>
      <c r="C398" s="117"/>
      <c r="D398" s="129"/>
      <c r="E398" s="129"/>
      <c r="F398" s="129" t="str">
        <f t="shared" si="13"/>
        <v>　</v>
      </c>
      <c r="G398" s="24" t="s">
        <v>895</v>
      </c>
      <c r="H398" s="128" t="s">
        <v>1004</v>
      </c>
      <c r="I398" s="25">
        <v>29677</v>
      </c>
      <c r="J398" s="26" t="s">
        <v>408</v>
      </c>
      <c r="K398" s="27" t="s">
        <v>118</v>
      </c>
      <c r="L398" s="28" t="s">
        <v>1080</v>
      </c>
      <c r="M398" s="27" t="s">
        <v>135</v>
      </c>
      <c r="N398" s="27" t="s">
        <v>538</v>
      </c>
      <c r="O398" s="44">
        <v>60</v>
      </c>
    </row>
    <row r="399" spans="1:15" s="8" customFormat="1" ht="26.25" customHeight="1">
      <c r="A399" s="23" t="s">
        <v>775</v>
      </c>
      <c r="B399" s="116" t="s">
        <v>1295</v>
      </c>
      <c r="C399" s="117"/>
      <c r="D399" s="129"/>
      <c r="E399" s="129"/>
      <c r="F399" s="129" t="str">
        <f t="shared" si="13"/>
        <v>　</v>
      </c>
      <c r="G399" s="24" t="s">
        <v>336</v>
      </c>
      <c r="H399" s="128" t="s">
        <v>338</v>
      </c>
      <c r="I399" s="25">
        <v>40087</v>
      </c>
      <c r="J399" s="26" t="s">
        <v>2588</v>
      </c>
      <c r="K399" s="27" t="s">
        <v>136</v>
      </c>
      <c r="L399" s="28" t="s">
        <v>1081</v>
      </c>
      <c r="M399" s="27" t="s">
        <v>137</v>
      </c>
      <c r="N399" s="27" t="s">
        <v>540</v>
      </c>
      <c r="O399" s="44">
        <v>60</v>
      </c>
    </row>
    <row r="400" spans="1:15" s="8" customFormat="1" ht="26.25" customHeight="1">
      <c r="A400" s="1" t="s">
        <v>1747</v>
      </c>
      <c r="B400" s="2" t="s">
        <v>2379</v>
      </c>
      <c r="C400" s="167"/>
      <c r="D400" s="3"/>
      <c r="E400" s="3"/>
      <c r="F400" s="3" t="str">
        <f t="shared" ref="F400:F405" si="24">IF(O400="","",IF(O400&lt;60,"○","　"))</f>
        <v>○</v>
      </c>
      <c r="G400" s="112" t="s">
        <v>1345</v>
      </c>
      <c r="H400" s="122" t="s">
        <v>2160</v>
      </c>
      <c r="I400" s="4">
        <v>41726</v>
      </c>
      <c r="J400" s="5" t="s">
        <v>2420</v>
      </c>
      <c r="K400" s="6" t="s">
        <v>1749</v>
      </c>
      <c r="L400" s="7" t="s">
        <v>1748</v>
      </c>
      <c r="M400" s="6" t="s">
        <v>1778</v>
      </c>
      <c r="N400" s="6" t="s">
        <v>1779</v>
      </c>
      <c r="O400" s="45">
        <v>50</v>
      </c>
    </row>
    <row r="401" spans="1:15" s="8" customFormat="1" ht="26.25" customHeight="1">
      <c r="A401" s="1" t="s">
        <v>775</v>
      </c>
      <c r="B401" s="2" t="s">
        <v>1296</v>
      </c>
      <c r="C401" s="167"/>
      <c r="D401" s="114"/>
      <c r="E401" s="3"/>
      <c r="F401" s="3" t="str">
        <f t="shared" ref="F401" si="25">IF(O401="","",IF(O401&lt;60,"○","　"))</f>
        <v>　</v>
      </c>
      <c r="G401" s="112" t="s">
        <v>1638</v>
      </c>
      <c r="H401" s="122" t="s">
        <v>2254</v>
      </c>
      <c r="I401" s="4">
        <v>42459</v>
      </c>
      <c r="J401" s="5" t="s">
        <v>407</v>
      </c>
      <c r="K401" s="6" t="s">
        <v>127</v>
      </c>
      <c r="L401" s="7" t="s">
        <v>2668</v>
      </c>
      <c r="M401" s="6" t="s">
        <v>541</v>
      </c>
      <c r="N401" s="6" t="s">
        <v>541</v>
      </c>
      <c r="O401" s="45">
        <v>60</v>
      </c>
    </row>
    <row r="402" spans="1:15" s="8" customFormat="1" ht="26.25" customHeight="1">
      <c r="A402" s="23" t="s">
        <v>775</v>
      </c>
      <c r="B402" s="116" t="s">
        <v>2380</v>
      </c>
      <c r="C402" s="117"/>
      <c r="D402" s="29"/>
      <c r="E402" s="129"/>
      <c r="F402" s="129"/>
      <c r="G402" s="24" t="s">
        <v>1638</v>
      </c>
      <c r="H402" s="128" t="s">
        <v>2254</v>
      </c>
      <c r="I402" s="25">
        <v>42824</v>
      </c>
      <c r="J402" s="26" t="s">
        <v>2587</v>
      </c>
      <c r="K402" s="27" t="s">
        <v>2426</v>
      </c>
      <c r="L402" s="28" t="s">
        <v>2381</v>
      </c>
      <c r="M402" s="27" t="s">
        <v>2429</v>
      </c>
      <c r="N402" s="27"/>
      <c r="O402" s="44">
        <v>60</v>
      </c>
    </row>
    <row r="403" spans="1:15" s="8" customFormat="1" ht="26.25" customHeight="1">
      <c r="A403" s="47" t="s">
        <v>775</v>
      </c>
      <c r="B403" s="63" t="s">
        <v>2421</v>
      </c>
      <c r="C403" s="168"/>
      <c r="D403" s="125"/>
      <c r="E403" s="49"/>
      <c r="F403" s="49" t="str">
        <f t="shared" si="24"/>
        <v>　</v>
      </c>
      <c r="G403" s="124" t="s">
        <v>2422</v>
      </c>
      <c r="H403" s="50" t="s">
        <v>2423</v>
      </c>
      <c r="I403" s="51">
        <v>42915</v>
      </c>
      <c r="J403" s="52" t="s">
        <v>2424</v>
      </c>
      <c r="K403" s="43" t="s">
        <v>2425</v>
      </c>
      <c r="L403" s="53" t="s">
        <v>2427</v>
      </c>
      <c r="M403" s="43" t="s">
        <v>2428</v>
      </c>
      <c r="N403" s="43" t="s">
        <v>2428</v>
      </c>
      <c r="O403" s="54">
        <v>60</v>
      </c>
    </row>
    <row r="404" spans="1:15" s="97" customFormat="1" ht="26.25" customHeight="1">
      <c r="A404" s="23" t="s">
        <v>2566</v>
      </c>
      <c r="B404" s="130" t="s">
        <v>2567</v>
      </c>
      <c r="C404" s="131"/>
      <c r="D404" s="29"/>
      <c r="E404" s="29"/>
      <c r="F404" s="29" t="str">
        <f t="shared" si="24"/>
        <v>　</v>
      </c>
      <c r="G404" s="24" t="s">
        <v>2492</v>
      </c>
      <c r="H404" s="128" t="s">
        <v>2586</v>
      </c>
      <c r="I404" s="25">
        <v>43187</v>
      </c>
      <c r="J404" s="26" t="s">
        <v>2568</v>
      </c>
      <c r="K404" s="27" t="s">
        <v>2763</v>
      </c>
      <c r="L404" s="28" t="s">
        <v>2607</v>
      </c>
      <c r="M404" s="27" t="s">
        <v>2604</v>
      </c>
      <c r="N404" s="27"/>
      <c r="O404" s="44">
        <v>110</v>
      </c>
    </row>
    <row r="405" spans="1:15" s="97" customFormat="1" ht="26.25" customHeight="1">
      <c r="A405" s="32" t="s">
        <v>2566</v>
      </c>
      <c r="B405" s="150" t="s">
        <v>2569</v>
      </c>
      <c r="C405" s="151"/>
      <c r="D405" s="40"/>
      <c r="E405" s="40"/>
      <c r="F405" s="40" t="str">
        <f t="shared" si="24"/>
        <v>　</v>
      </c>
      <c r="G405" s="34" t="s">
        <v>2488</v>
      </c>
      <c r="H405" s="35" t="s">
        <v>2570</v>
      </c>
      <c r="I405" s="36">
        <v>43187</v>
      </c>
      <c r="J405" s="37" t="s">
        <v>2571</v>
      </c>
      <c r="K405" s="38" t="s">
        <v>2762</v>
      </c>
      <c r="L405" s="39" t="s">
        <v>2606</v>
      </c>
      <c r="M405" s="38" t="s">
        <v>2605</v>
      </c>
      <c r="N405" s="38"/>
      <c r="O405" s="156">
        <v>60</v>
      </c>
    </row>
    <row r="406" spans="1:15" s="8" customFormat="1" ht="26.25" customHeight="1">
      <c r="A406" s="15" t="s">
        <v>1202</v>
      </c>
      <c r="B406" s="16" t="s">
        <v>1203</v>
      </c>
      <c r="C406" s="110"/>
      <c r="D406" s="17"/>
      <c r="E406" s="17"/>
      <c r="F406" s="115" t="str">
        <f t="shared" si="13"/>
        <v>　</v>
      </c>
      <c r="G406" s="113" t="s">
        <v>1071</v>
      </c>
      <c r="H406" s="123" t="s">
        <v>1202</v>
      </c>
      <c r="I406" s="18">
        <v>28946</v>
      </c>
      <c r="J406" s="19" t="s">
        <v>1689</v>
      </c>
      <c r="K406" s="20" t="s">
        <v>138</v>
      </c>
      <c r="L406" s="21" t="s">
        <v>1204</v>
      </c>
      <c r="M406" s="20" t="s">
        <v>139</v>
      </c>
      <c r="N406" s="20" t="s">
        <v>542</v>
      </c>
      <c r="O406" s="153">
        <v>120</v>
      </c>
    </row>
    <row r="407" spans="1:15" s="8" customFormat="1" ht="26.25" customHeight="1">
      <c r="A407" s="23" t="s">
        <v>1202</v>
      </c>
      <c r="B407" s="116" t="s">
        <v>1205</v>
      </c>
      <c r="C407" s="117"/>
      <c r="D407" s="129"/>
      <c r="E407" s="129"/>
      <c r="F407" s="29" t="str">
        <f t="shared" ref="F407:F461" si="26">IF(O407="","",IF(O407&lt;60,"○","　"))</f>
        <v>　</v>
      </c>
      <c r="G407" s="24" t="s">
        <v>895</v>
      </c>
      <c r="H407" s="128" t="s">
        <v>1205</v>
      </c>
      <c r="I407" s="25">
        <v>25182</v>
      </c>
      <c r="J407" s="26" t="s">
        <v>1986</v>
      </c>
      <c r="K407" s="27" t="s">
        <v>140</v>
      </c>
      <c r="L407" s="28" t="s">
        <v>1082</v>
      </c>
      <c r="M407" s="27" t="s">
        <v>141</v>
      </c>
      <c r="N407" s="27" t="s">
        <v>543</v>
      </c>
      <c r="O407" s="44">
        <v>150</v>
      </c>
    </row>
    <row r="408" spans="1:15" s="8" customFormat="1" ht="26.25" customHeight="1">
      <c r="A408" s="23" t="s">
        <v>1202</v>
      </c>
      <c r="B408" s="116" t="s">
        <v>1206</v>
      </c>
      <c r="C408" s="117"/>
      <c r="D408" s="129"/>
      <c r="E408" s="129"/>
      <c r="F408" s="29" t="str">
        <f t="shared" si="26"/>
        <v>　</v>
      </c>
      <c r="G408" s="24" t="s">
        <v>895</v>
      </c>
      <c r="H408" s="128" t="s">
        <v>1005</v>
      </c>
      <c r="I408" s="25">
        <v>26024</v>
      </c>
      <c r="J408" s="26" t="s">
        <v>1698</v>
      </c>
      <c r="K408" s="27" t="s">
        <v>142</v>
      </c>
      <c r="L408" s="28" t="s">
        <v>1083</v>
      </c>
      <c r="M408" s="27" t="s">
        <v>143</v>
      </c>
      <c r="N408" s="27" t="s">
        <v>544</v>
      </c>
      <c r="O408" s="44">
        <v>120</v>
      </c>
    </row>
    <row r="409" spans="1:15" s="8" customFormat="1" ht="26.25" customHeight="1">
      <c r="A409" s="23" t="s">
        <v>1202</v>
      </c>
      <c r="B409" s="116" t="s">
        <v>1207</v>
      </c>
      <c r="C409" s="117"/>
      <c r="D409" s="129"/>
      <c r="E409" s="129"/>
      <c r="F409" s="29" t="str">
        <f t="shared" si="26"/>
        <v>　</v>
      </c>
      <c r="G409" s="24" t="s">
        <v>895</v>
      </c>
      <c r="H409" s="128" t="s">
        <v>1006</v>
      </c>
      <c r="I409" s="25">
        <v>24928</v>
      </c>
      <c r="J409" s="26" t="s">
        <v>1822</v>
      </c>
      <c r="K409" s="27" t="s">
        <v>144</v>
      </c>
      <c r="L409" s="28" t="s">
        <v>1084</v>
      </c>
      <c r="M409" s="27" t="s">
        <v>145</v>
      </c>
      <c r="N409" s="27" t="s">
        <v>545</v>
      </c>
      <c r="O409" s="44">
        <v>120</v>
      </c>
    </row>
    <row r="410" spans="1:15" s="8" customFormat="1" ht="26.25" customHeight="1">
      <c r="A410" s="55" t="s">
        <v>1202</v>
      </c>
      <c r="B410" s="104" t="s">
        <v>886</v>
      </c>
      <c r="C410" s="169"/>
      <c r="D410" s="56"/>
      <c r="E410" s="56"/>
      <c r="F410" s="40" t="str">
        <f t="shared" si="26"/>
        <v>　</v>
      </c>
      <c r="G410" s="57" t="s">
        <v>895</v>
      </c>
      <c r="H410" s="58" t="s">
        <v>1161</v>
      </c>
      <c r="I410" s="59">
        <v>39904</v>
      </c>
      <c r="J410" s="60" t="s">
        <v>404</v>
      </c>
      <c r="K410" s="61" t="s">
        <v>142</v>
      </c>
      <c r="L410" s="62" t="s">
        <v>981</v>
      </c>
      <c r="M410" s="61" t="s">
        <v>640</v>
      </c>
      <c r="N410" s="61" t="s">
        <v>641</v>
      </c>
      <c r="O410" s="93">
        <v>60</v>
      </c>
    </row>
    <row r="411" spans="1:15" s="8" customFormat="1" ht="26.25" customHeight="1">
      <c r="A411" s="15" t="s">
        <v>1208</v>
      </c>
      <c r="B411" s="16" t="s">
        <v>1209</v>
      </c>
      <c r="C411" s="110"/>
      <c r="D411" s="17"/>
      <c r="E411" s="17"/>
      <c r="F411" s="17" t="str">
        <f t="shared" si="26"/>
        <v>　</v>
      </c>
      <c r="G411" s="113" t="s">
        <v>1071</v>
      </c>
      <c r="H411" s="123" t="s">
        <v>1208</v>
      </c>
      <c r="I411" s="18">
        <v>26908</v>
      </c>
      <c r="J411" s="19" t="s">
        <v>2774</v>
      </c>
      <c r="K411" s="20" t="s">
        <v>954</v>
      </c>
      <c r="L411" s="21" t="s">
        <v>1116</v>
      </c>
      <c r="M411" s="20" t="s">
        <v>546</v>
      </c>
      <c r="N411" s="20" t="s">
        <v>546</v>
      </c>
      <c r="O411" s="153">
        <v>120</v>
      </c>
    </row>
    <row r="412" spans="1:15" s="8" customFormat="1" ht="26.25" customHeight="1">
      <c r="A412" s="23" t="s">
        <v>1208</v>
      </c>
      <c r="B412" s="116" t="s">
        <v>1117</v>
      </c>
      <c r="C412" s="117"/>
      <c r="D412" s="129"/>
      <c r="E412" s="129"/>
      <c r="F412" s="129" t="str">
        <f t="shared" si="26"/>
        <v>　</v>
      </c>
      <c r="G412" s="24" t="s">
        <v>1071</v>
      </c>
      <c r="H412" s="128" t="s">
        <v>1208</v>
      </c>
      <c r="I412" s="25">
        <v>27211</v>
      </c>
      <c r="J412" s="26" t="s">
        <v>403</v>
      </c>
      <c r="K412" s="27" t="s">
        <v>146</v>
      </c>
      <c r="L412" s="28" t="s">
        <v>1085</v>
      </c>
      <c r="M412" s="27" t="s">
        <v>547</v>
      </c>
      <c r="N412" s="27" t="s">
        <v>547</v>
      </c>
      <c r="O412" s="44">
        <v>110</v>
      </c>
    </row>
    <row r="413" spans="1:15" s="8" customFormat="1" ht="26.25" customHeight="1">
      <c r="A413" s="23" t="s">
        <v>1208</v>
      </c>
      <c r="B413" s="116" t="s">
        <v>845</v>
      </c>
      <c r="C413" s="117"/>
      <c r="D413" s="129"/>
      <c r="E413" s="129"/>
      <c r="F413" s="129" t="str">
        <f t="shared" si="26"/>
        <v>　</v>
      </c>
      <c r="G413" s="24" t="s">
        <v>895</v>
      </c>
      <c r="H413" s="128" t="s">
        <v>1007</v>
      </c>
      <c r="I413" s="25">
        <v>24593</v>
      </c>
      <c r="J413" s="26" t="s">
        <v>2592</v>
      </c>
      <c r="K413" s="27" t="s">
        <v>846</v>
      </c>
      <c r="L413" s="28" t="s">
        <v>1086</v>
      </c>
      <c r="M413" s="27" t="s">
        <v>847</v>
      </c>
      <c r="N413" s="27" t="s">
        <v>549</v>
      </c>
      <c r="O413" s="44">
        <v>110</v>
      </c>
    </row>
    <row r="414" spans="1:15" s="8" customFormat="1" ht="26.25" customHeight="1">
      <c r="A414" s="23" t="s">
        <v>1208</v>
      </c>
      <c r="B414" s="116" t="s">
        <v>1118</v>
      </c>
      <c r="C414" s="117"/>
      <c r="D414" s="129"/>
      <c r="E414" s="129"/>
      <c r="F414" s="129" t="str">
        <f t="shared" si="26"/>
        <v>　</v>
      </c>
      <c r="G414" s="24" t="s">
        <v>895</v>
      </c>
      <c r="H414" s="128" t="s">
        <v>1007</v>
      </c>
      <c r="I414" s="25">
        <v>27515</v>
      </c>
      <c r="J414" s="26" t="s">
        <v>2072</v>
      </c>
      <c r="K414" s="27" t="s">
        <v>955</v>
      </c>
      <c r="L414" s="28" t="s">
        <v>1087</v>
      </c>
      <c r="M414" s="27" t="s">
        <v>147</v>
      </c>
      <c r="N414" s="27" t="s">
        <v>550</v>
      </c>
      <c r="O414" s="44">
        <v>60</v>
      </c>
    </row>
    <row r="415" spans="1:15" s="8" customFormat="1" ht="26.25" customHeight="1">
      <c r="A415" s="23" t="s">
        <v>1208</v>
      </c>
      <c r="B415" s="116" t="s">
        <v>842</v>
      </c>
      <c r="C415" s="117"/>
      <c r="D415" s="129"/>
      <c r="E415" s="129"/>
      <c r="F415" s="129" t="str">
        <f t="shared" si="26"/>
        <v>　</v>
      </c>
      <c r="G415" s="24" t="s">
        <v>895</v>
      </c>
      <c r="H415" s="128" t="s">
        <v>1008</v>
      </c>
      <c r="I415" s="25">
        <v>28946</v>
      </c>
      <c r="J415" s="26" t="s">
        <v>402</v>
      </c>
      <c r="K415" s="27" t="s">
        <v>958</v>
      </c>
      <c r="L415" s="28" t="s">
        <v>1088</v>
      </c>
      <c r="M415" s="27" t="s">
        <v>148</v>
      </c>
      <c r="N415" s="27" t="s">
        <v>551</v>
      </c>
      <c r="O415" s="44">
        <v>150</v>
      </c>
    </row>
    <row r="416" spans="1:15" s="8" customFormat="1" ht="26.25" customHeight="1">
      <c r="A416" s="23" t="s">
        <v>1208</v>
      </c>
      <c r="B416" s="116" t="s">
        <v>1220</v>
      </c>
      <c r="C416" s="117"/>
      <c r="D416" s="129"/>
      <c r="E416" s="129"/>
      <c r="F416" s="129" t="str">
        <f t="shared" si="26"/>
        <v>　</v>
      </c>
      <c r="G416" s="24" t="s">
        <v>895</v>
      </c>
      <c r="H416" s="128" t="s">
        <v>1009</v>
      </c>
      <c r="I416" s="25">
        <v>29312</v>
      </c>
      <c r="J416" s="26" t="s">
        <v>401</v>
      </c>
      <c r="K416" s="27" t="s">
        <v>1821</v>
      </c>
      <c r="L416" s="28" t="s">
        <v>1089</v>
      </c>
      <c r="M416" s="27" t="s">
        <v>149</v>
      </c>
      <c r="N416" s="27" t="s">
        <v>552</v>
      </c>
      <c r="O416" s="44">
        <v>90</v>
      </c>
    </row>
    <row r="417" spans="1:15" s="8" customFormat="1" ht="26.25" customHeight="1">
      <c r="A417" s="1" t="s">
        <v>1208</v>
      </c>
      <c r="B417" s="2" t="s">
        <v>1488</v>
      </c>
      <c r="C417" s="167"/>
      <c r="D417" s="3"/>
      <c r="E417" s="3"/>
      <c r="F417" s="129" t="str">
        <f t="shared" si="26"/>
        <v>　</v>
      </c>
      <c r="G417" s="112" t="s">
        <v>580</v>
      </c>
      <c r="H417" s="122" t="s">
        <v>1021</v>
      </c>
      <c r="I417" s="4">
        <v>39692</v>
      </c>
      <c r="J417" s="5" t="s">
        <v>400</v>
      </c>
      <c r="K417" s="6" t="s">
        <v>959</v>
      </c>
      <c r="L417" s="7" t="s">
        <v>962</v>
      </c>
      <c r="M417" s="6" t="s">
        <v>150</v>
      </c>
      <c r="N417" s="6" t="s">
        <v>536</v>
      </c>
      <c r="O417" s="45">
        <v>60</v>
      </c>
    </row>
    <row r="418" spans="1:15" s="8" customFormat="1" ht="26.25" customHeight="1">
      <c r="A418" s="1" t="s">
        <v>1208</v>
      </c>
      <c r="B418" s="2" t="s">
        <v>1491</v>
      </c>
      <c r="C418" s="167"/>
      <c r="D418" s="3"/>
      <c r="E418" s="3"/>
      <c r="F418" s="3" t="str">
        <f t="shared" si="26"/>
        <v>　</v>
      </c>
      <c r="G418" s="135" t="s">
        <v>895</v>
      </c>
      <c r="H418" s="144" t="s">
        <v>1489</v>
      </c>
      <c r="I418" s="4">
        <v>41359</v>
      </c>
      <c r="J418" s="135" t="s">
        <v>405</v>
      </c>
      <c r="K418" s="6" t="s">
        <v>1492</v>
      </c>
      <c r="L418" s="7" t="s">
        <v>668</v>
      </c>
      <c r="M418" s="6" t="s">
        <v>669</v>
      </c>
      <c r="N418" s="6" t="s">
        <v>670</v>
      </c>
      <c r="O418" s="45">
        <v>125</v>
      </c>
    </row>
    <row r="419" spans="1:15" s="8" customFormat="1" ht="26.25" customHeight="1">
      <c r="A419" s="1" t="s">
        <v>1208</v>
      </c>
      <c r="B419" s="2" t="s">
        <v>2370</v>
      </c>
      <c r="C419" s="167"/>
      <c r="D419" s="3"/>
      <c r="E419" s="3"/>
      <c r="F419" s="3" t="str">
        <f t="shared" si="26"/>
        <v>　</v>
      </c>
      <c r="G419" s="136"/>
      <c r="H419" s="145"/>
      <c r="I419" s="4">
        <v>42825</v>
      </c>
      <c r="J419" s="136"/>
      <c r="K419" s="6" t="s">
        <v>2369</v>
      </c>
      <c r="L419" s="7" t="s">
        <v>2371</v>
      </c>
      <c r="M419" s="6"/>
      <c r="N419" s="6"/>
      <c r="O419" s="99" t="s">
        <v>2846</v>
      </c>
    </row>
    <row r="420" spans="1:15" s="8" customFormat="1" ht="26.25" customHeight="1">
      <c r="A420" s="23" t="s">
        <v>1208</v>
      </c>
      <c r="B420" s="116" t="s">
        <v>2227</v>
      </c>
      <c r="C420" s="117"/>
      <c r="D420" s="129"/>
      <c r="E420" s="129"/>
      <c r="F420" s="129" t="str">
        <f t="shared" ref="F420:F422" si="27">IF(O420="","",IF(O420&lt;60,"○","　"))</f>
        <v>　</v>
      </c>
      <c r="G420" s="24" t="s">
        <v>580</v>
      </c>
      <c r="H420" s="128" t="s">
        <v>2228</v>
      </c>
      <c r="I420" s="25">
        <v>42447</v>
      </c>
      <c r="J420" s="26" t="s">
        <v>2229</v>
      </c>
      <c r="K420" s="27" t="s">
        <v>2234</v>
      </c>
      <c r="L420" s="28" t="s">
        <v>2230</v>
      </c>
      <c r="M420" s="27" t="s">
        <v>2241</v>
      </c>
      <c r="N420" s="27" t="s">
        <v>2242</v>
      </c>
      <c r="O420" s="44">
        <v>65</v>
      </c>
    </row>
    <row r="421" spans="1:15" s="8" customFormat="1" ht="26.25" customHeight="1">
      <c r="A421" s="23" t="s">
        <v>1208</v>
      </c>
      <c r="B421" s="116" t="s">
        <v>2231</v>
      </c>
      <c r="C421" s="117"/>
      <c r="D421" s="129"/>
      <c r="E421" s="129"/>
      <c r="F421" s="129"/>
      <c r="G421" s="24" t="s">
        <v>895</v>
      </c>
      <c r="H421" s="128" t="s">
        <v>2232</v>
      </c>
      <c r="I421" s="25">
        <v>42460</v>
      </c>
      <c r="J421" s="26" t="s">
        <v>2770</v>
      </c>
      <c r="K421" s="27" t="s">
        <v>2235</v>
      </c>
      <c r="L421" s="28" t="s">
        <v>2233</v>
      </c>
      <c r="M421" s="27" t="s">
        <v>2243</v>
      </c>
      <c r="N421" s="27" t="s">
        <v>2244</v>
      </c>
      <c r="O421" s="44">
        <v>60</v>
      </c>
    </row>
    <row r="422" spans="1:15" s="91" customFormat="1" ht="26.25" customHeight="1">
      <c r="A422" s="32" t="s">
        <v>1208</v>
      </c>
      <c r="B422" s="118" t="s">
        <v>2638</v>
      </c>
      <c r="C422" s="119"/>
      <c r="D422" s="33"/>
      <c r="E422" s="33"/>
      <c r="F422" s="33" t="str">
        <f t="shared" si="27"/>
        <v>○</v>
      </c>
      <c r="G422" s="34" t="s">
        <v>2639</v>
      </c>
      <c r="H422" s="35" t="s">
        <v>2640</v>
      </c>
      <c r="I422" s="36">
        <v>43342</v>
      </c>
      <c r="J422" s="37" t="s">
        <v>2641</v>
      </c>
      <c r="K422" s="38"/>
      <c r="L422" s="39" t="s">
        <v>2642</v>
      </c>
      <c r="M422" s="38"/>
      <c r="N422" s="38"/>
      <c r="O422" s="156">
        <v>50</v>
      </c>
    </row>
    <row r="423" spans="1:15" s="8" customFormat="1" ht="26.25" customHeight="1">
      <c r="A423" s="15" t="s">
        <v>1221</v>
      </c>
      <c r="B423" s="16" t="s">
        <v>1222</v>
      </c>
      <c r="C423" s="110"/>
      <c r="D423" s="17"/>
      <c r="E423" s="17"/>
      <c r="F423" s="115" t="str">
        <f t="shared" si="26"/>
        <v>　</v>
      </c>
      <c r="G423" s="113" t="s">
        <v>1071</v>
      </c>
      <c r="H423" s="123" t="s">
        <v>1221</v>
      </c>
      <c r="I423" s="18">
        <v>26755</v>
      </c>
      <c r="J423" s="19" t="s">
        <v>2632</v>
      </c>
      <c r="K423" s="20" t="s">
        <v>151</v>
      </c>
      <c r="L423" s="21" t="s">
        <v>1495</v>
      </c>
      <c r="M423" s="20" t="s">
        <v>152</v>
      </c>
      <c r="N423" s="20" t="s">
        <v>533</v>
      </c>
      <c r="O423" s="153">
        <v>100</v>
      </c>
    </row>
    <row r="424" spans="1:15" s="8" customFormat="1" ht="26.25" customHeight="1">
      <c r="A424" s="1" t="s">
        <v>1221</v>
      </c>
      <c r="B424" s="2" t="s">
        <v>1297</v>
      </c>
      <c r="C424" s="167"/>
      <c r="D424" s="3"/>
      <c r="E424" s="3"/>
      <c r="F424" s="114" t="str">
        <f t="shared" si="26"/>
        <v>　</v>
      </c>
      <c r="G424" s="112" t="s">
        <v>895</v>
      </c>
      <c r="H424" s="122" t="s">
        <v>1034</v>
      </c>
      <c r="I424" s="4">
        <v>38078</v>
      </c>
      <c r="J424" s="5" t="s">
        <v>399</v>
      </c>
      <c r="K424" s="6" t="s">
        <v>153</v>
      </c>
      <c r="L424" s="7" t="s">
        <v>637</v>
      </c>
      <c r="M424" s="6" t="s">
        <v>154</v>
      </c>
      <c r="N424" s="6" t="s">
        <v>154</v>
      </c>
      <c r="O424" s="45">
        <v>85</v>
      </c>
    </row>
    <row r="425" spans="1:15" s="8" customFormat="1" ht="26.25" customHeight="1">
      <c r="A425" s="1" t="s">
        <v>1221</v>
      </c>
      <c r="B425" s="2" t="s">
        <v>2102</v>
      </c>
      <c r="C425" s="167"/>
      <c r="D425" s="3"/>
      <c r="E425" s="3"/>
      <c r="F425" s="114" t="s">
        <v>729</v>
      </c>
      <c r="G425" s="112" t="s">
        <v>1113</v>
      </c>
      <c r="H425" s="122" t="s">
        <v>2103</v>
      </c>
      <c r="I425" s="4">
        <v>42167</v>
      </c>
      <c r="J425" s="5" t="s">
        <v>2104</v>
      </c>
      <c r="K425" s="6" t="s">
        <v>2121</v>
      </c>
      <c r="L425" s="7" t="s">
        <v>2106</v>
      </c>
      <c r="M425" s="6" t="s">
        <v>2122</v>
      </c>
      <c r="N425" s="6" t="s">
        <v>2122</v>
      </c>
      <c r="O425" s="45">
        <v>30</v>
      </c>
    </row>
    <row r="426" spans="1:15" s="8" customFormat="1" ht="26.25" customHeight="1">
      <c r="A426" s="32" t="s">
        <v>2101</v>
      </c>
      <c r="B426" s="118" t="s">
        <v>2123</v>
      </c>
      <c r="C426" s="119"/>
      <c r="D426" s="33"/>
      <c r="E426" s="33"/>
      <c r="F426" s="40" t="str">
        <f t="shared" si="26"/>
        <v>　</v>
      </c>
      <c r="G426" s="34" t="s">
        <v>895</v>
      </c>
      <c r="H426" s="35" t="s">
        <v>2124</v>
      </c>
      <c r="I426" s="36">
        <v>42247</v>
      </c>
      <c r="J426" s="37" t="s">
        <v>2129</v>
      </c>
      <c r="K426" s="38" t="s">
        <v>2131</v>
      </c>
      <c r="L426" s="39" t="s">
        <v>2130</v>
      </c>
      <c r="M426" s="40" t="s">
        <v>2134</v>
      </c>
      <c r="N426" s="40" t="s">
        <v>2135</v>
      </c>
      <c r="O426" s="156">
        <v>60</v>
      </c>
    </row>
    <row r="427" spans="1:15" s="8" customFormat="1" ht="26.25" customHeight="1">
      <c r="A427" s="15" t="s">
        <v>1223</v>
      </c>
      <c r="B427" s="16" t="s">
        <v>1224</v>
      </c>
      <c r="C427" s="110"/>
      <c r="D427" s="17"/>
      <c r="E427" s="17"/>
      <c r="F427" s="115" t="str">
        <f t="shared" si="26"/>
        <v>　</v>
      </c>
      <c r="G427" s="113" t="s">
        <v>895</v>
      </c>
      <c r="H427" s="123" t="s">
        <v>720</v>
      </c>
      <c r="I427" s="18">
        <v>41729</v>
      </c>
      <c r="J427" s="19" t="s">
        <v>398</v>
      </c>
      <c r="K427" s="20" t="s">
        <v>155</v>
      </c>
      <c r="L427" s="21" t="s">
        <v>843</v>
      </c>
      <c r="M427" s="20" t="s">
        <v>156</v>
      </c>
      <c r="N427" s="20" t="s">
        <v>553</v>
      </c>
      <c r="O427" s="153">
        <v>180</v>
      </c>
    </row>
    <row r="428" spans="1:15" s="8" customFormat="1" ht="26.25" customHeight="1">
      <c r="A428" s="23" t="s">
        <v>1223</v>
      </c>
      <c r="B428" s="116" t="s">
        <v>1149</v>
      </c>
      <c r="C428" s="117"/>
      <c r="D428" s="129"/>
      <c r="E428" s="129"/>
      <c r="F428" s="29" t="str">
        <f t="shared" si="26"/>
        <v>　</v>
      </c>
      <c r="G428" s="24" t="s">
        <v>895</v>
      </c>
      <c r="H428" s="123" t="s">
        <v>720</v>
      </c>
      <c r="I428" s="25">
        <v>41729</v>
      </c>
      <c r="J428" s="26" t="s">
        <v>2264</v>
      </c>
      <c r="K428" s="27" t="s">
        <v>157</v>
      </c>
      <c r="L428" s="28" t="s">
        <v>1090</v>
      </c>
      <c r="M428" s="27" t="s">
        <v>158</v>
      </c>
      <c r="N428" s="27" t="s">
        <v>554</v>
      </c>
      <c r="O428" s="44">
        <v>180</v>
      </c>
    </row>
    <row r="429" spans="1:15" s="8" customFormat="1" ht="26.25" customHeight="1">
      <c r="A429" s="1" t="s">
        <v>1223</v>
      </c>
      <c r="B429" s="2" t="s">
        <v>1150</v>
      </c>
      <c r="C429" s="167"/>
      <c r="D429" s="3"/>
      <c r="E429" s="3"/>
      <c r="F429" s="114" t="str">
        <f t="shared" si="26"/>
        <v>　</v>
      </c>
      <c r="G429" s="112" t="s">
        <v>895</v>
      </c>
      <c r="H429" s="122" t="s">
        <v>720</v>
      </c>
      <c r="I429" s="4">
        <v>41729</v>
      </c>
      <c r="J429" s="5" t="s">
        <v>397</v>
      </c>
      <c r="K429" s="6" t="s">
        <v>155</v>
      </c>
      <c r="L429" s="7" t="s">
        <v>1091</v>
      </c>
      <c r="M429" s="6" t="s">
        <v>159</v>
      </c>
      <c r="N429" s="6" t="s">
        <v>555</v>
      </c>
      <c r="O429" s="45">
        <v>180</v>
      </c>
    </row>
    <row r="430" spans="1:15" s="8" customFormat="1" ht="26.25" customHeight="1">
      <c r="A430" s="32" t="s">
        <v>1223</v>
      </c>
      <c r="B430" s="118" t="s">
        <v>1887</v>
      </c>
      <c r="C430" s="119"/>
      <c r="D430" s="33"/>
      <c r="E430" s="33"/>
      <c r="F430" s="40" t="str">
        <f t="shared" ref="F430" si="28">IF(O430="","",IF(O430&lt;60,"○","　"))</f>
        <v>　</v>
      </c>
      <c r="G430" s="34" t="s">
        <v>1345</v>
      </c>
      <c r="H430" s="35" t="s">
        <v>1888</v>
      </c>
      <c r="I430" s="36">
        <v>42074</v>
      </c>
      <c r="J430" s="37" t="s">
        <v>2481</v>
      </c>
      <c r="K430" s="38" t="s">
        <v>1974</v>
      </c>
      <c r="L430" s="39" t="s">
        <v>1889</v>
      </c>
      <c r="M430" s="40" t="s">
        <v>2051</v>
      </c>
      <c r="N430" s="38"/>
      <c r="O430" s="156">
        <v>90</v>
      </c>
    </row>
    <row r="431" spans="1:15" s="8" customFormat="1" ht="26.25" customHeight="1">
      <c r="A431" s="32" t="s">
        <v>1151</v>
      </c>
      <c r="B431" s="118" t="s">
        <v>1239</v>
      </c>
      <c r="C431" s="119"/>
      <c r="D431" s="33"/>
      <c r="E431" s="33"/>
      <c r="F431" s="40" t="str">
        <f t="shared" si="26"/>
        <v>　</v>
      </c>
      <c r="G431" s="34" t="s">
        <v>895</v>
      </c>
      <c r="H431" s="35" t="s">
        <v>1010</v>
      </c>
      <c r="I431" s="36">
        <v>39539</v>
      </c>
      <c r="J431" s="37" t="s">
        <v>2816</v>
      </c>
      <c r="K431" s="38" t="s">
        <v>160</v>
      </c>
      <c r="L431" s="39" t="s">
        <v>618</v>
      </c>
      <c r="M431" s="38" t="s">
        <v>161</v>
      </c>
      <c r="N431" s="38" t="s">
        <v>537</v>
      </c>
      <c r="O431" s="156">
        <v>120</v>
      </c>
    </row>
    <row r="432" spans="1:15" s="8" customFormat="1" ht="26.25" customHeight="1">
      <c r="A432" s="15" t="s">
        <v>1152</v>
      </c>
      <c r="B432" s="16" t="s">
        <v>1153</v>
      </c>
      <c r="C432" s="110"/>
      <c r="D432" s="17"/>
      <c r="E432" s="17"/>
      <c r="F432" s="71" t="str">
        <f t="shared" si="26"/>
        <v>　</v>
      </c>
      <c r="G432" s="113" t="s">
        <v>1071</v>
      </c>
      <c r="H432" s="123" t="s">
        <v>1152</v>
      </c>
      <c r="I432" s="18">
        <v>26024</v>
      </c>
      <c r="J432" s="19" t="s">
        <v>1690</v>
      </c>
      <c r="K432" s="20" t="s">
        <v>162</v>
      </c>
      <c r="L432" s="21" t="s">
        <v>787</v>
      </c>
      <c r="M432" s="20" t="s">
        <v>556</v>
      </c>
      <c r="N432" s="20" t="s">
        <v>556</v>
      </c>
      <c r="O432" s="153">
        <v>90</v>
      </c>
    </row>
    <row r="433" spans="1:15" s="8" customFormat="1" ht="26.25" customHeight="1">
      <c r="A433" s="23" t="s">
        <v>1152</v>
      </c>
      <c r="B433" s="116" t="s">
        <v>788</v>
      </c>
      <c r="C433" s="117"/>
      <c r="D433" s="129"/>
      <c r="E433" s="129"/>
      <c r="F433" s="29" t="str">
        <f t="shared" si="26"/>
        <v>　</v>
      </c>
      <c r="G433" s="135" t="s">
        <v>895</v>
      </c>
      <c r="H433" s="144" t="s">
        <v>1011</v>
      </c>
      <c r="I433" s="25">
        <v>27851</v>
      </c>
      <c r="J433" s="19" t="s">
        <v>2826</v>
      </c>
      <c r="K433" s="27" t="s">
        <v>163</v>
      </c>
      <c r="L433" s="28" t="s">
        <v>1092</v>
      </c>
      <c r="M433" s="27" t="s">
        <v>164</v>
      </c>
      <c r="N433" s="27" t="s">
        <v>557</v>
      </c>
      <c r="O433" s="44">
        <v>80</v>
      </c>
    </row>
    <row r="434" spans="1:15" s="8" customFormat="1" ht="26.25" customHeight="1">
      <c r="A434" s="23" t="s">
        <v>1152</v>
      </c>
      <c r="B434" s="116" t="s">
        <v>2301</v>
      </c>
      <c r="C434" s="117"/>
      <c r="D434" s="129"/>
      <c r="E434" s="129"/>
      <c r="F434" s="29" t="str">
        <f t="shared" si="26"/>
        <v>　</v>
      </c>
      <c r="G434" s="136"/>
      <c r="H434" s="145"/>
      <c r="I434" s="25">
        <v>42461</v>
      </c>
      <c r="J434" s="19" t="s">
        <v>2826</v>
      </c>
      <c r="K434" s="27" t="s">
        <v>2472</v>
      </c>
      <c r="L434" s="28" t="s">
        <v>2300</v>
      </c>
      <c r="M434" s="27" t="s">
        <v>2473</v>
      </c>
      <c r="N434" s="27"/>
      <c r="O434" s="154" t="s">
        <v>2357</v>
      </c>
    </row>
    <row r="435" spans="1:15" s="8" customFormat="1" ht="26.25" customHeight="1">
      <c r="A435" s="23" t="s">
        <v>1152</v>
      </c>
      <c r="B435" s="116" t="s">
        <v>1227</v>
      </c>
      <c r="C435" s="117"/>
      <c r="D435" s="129"/>
      <c r="E435" s="129"/>
      <c r="F435" s="29" t="str">
        <f t="shared" si="26"/>
        <v>　</v>
      </c>
      <c r="G435" s="24" t="s">
        <v>895</v>
      </c>
      <c r="H435" s="128" t="s">
        <v>1012</v>
      </c>
      <c r="I435" s="25">
        <v>18384</v>
      </c>
      <c r="J435" s="26" t="s">
        <v>2397</v>
      </c>
      <c r="K435" s="27" t="s">
        <v>165</v>
      </c>
      <c r="L435" s="28" t="s">
        <v>1093</v>
      </c>
      <c r="M435" s="27" t="s">
        <v>166</v>
      </c>
      <c r="N435" s="27" t="s">
        <v>558</v>
      </c>
      <c r="O435" s="44">
        <v>90</v>
      </c>
    </row>
    <row r="436" spans="1:15" s="8" customFormat="1" ht="26.25" customHeight="1">
      <c r="A436" s="32" t="s">
        <v>1152</v>
      </c>
      <c r="B436" s="118" t="s">
        <v>1228</v>
      </c>
      <c r="C436" s="119"/>
      <c r="D436" s="40"/>
      <c r="E436" s="33"/>
      <c r="F436" s="40" t="str">
        <f t="shared" si="26"/>
        <v>　</v>
      </c>
      <c r="G436" s="34" t="s">
        <v>1317</v>
      </c>
      <c r="H436" s="35" t="s">
        <v>1024</v>
      </c>
      <c r="I436" s="36">
        <v>19603</v>
      </c>
      <c r="J436" s="37" t="s">
        <v>2827</v>
      </c>
      <c r="K436" s="38" t="s">
        <v>165</v>
      </c>
      <c r="L436" s="39" t="s">
        <v>1094</v>
      </c>
      <c r="M436" s="38" t="s">
        <v>167</v>
      </c>
      <c r="N436" s="38" t="s">
        <v>559</v>
      </c>
      <c r="O436" s="156">
        <v>90</v>
      </c>
    </row>
    <row r="437" spans="1:15" s="8" customFormat="1" ht="26.25" customHeight="1">
      <c r="A437" s="32" t="s">
        <v>1177</v>
      </c>
      <c r="B437" s="118" t="s">
        <v>859</v>
      </c>
      <c r="C437" s="119"/>
      <c r="D437" s="33"/>
      <c r="E437" s="33"/>
      <c r="F437" s="40" t="str">
        <f t="shared" si="26"/>
        <v>　</v>
      </c>
      <c r="G437" s="34" t="s">
        <v>895</v>
      </c>
      <c r="H437" s="35" t="s">
        <v>1013</v>
      </c>
      <c r="I437" s="36">
        <v>25659</v>
      </c>
      <c r="J437" s="37" t="s">
        <v>396</v>
      </c>
      <c r="K437" s="38" t="s">
        <v>1199</v>
      </c>
      <c r="L437" s="39" t="s">
        <v>1095</v>
      </c>
      <c r="M437" s="38" t="s">
        <v>1200</v>
      </c>
      <c r="N437" s="38" t="s">
        <v>1200</v>
      </c>
      <c r="O437" s="156">
        <v>120</v>
      </c>
    </row>
    <row r="438" spans="1:15" s="8" customFormat="1" ht="26.25" customHeight="1">
      <c r="A438" s="15" t="s">
        <v>1178</v>
      </c>
      <c r="B438" s="16" t="s">
        <v>1179</v>
      </c>
      <c r="C438" s="110"/>
      <c r="D438" s="17"/>
      <c r="E438" s="17"/>
      <c r="F438" s="17" t="str">
        <f t="shared" si="26"/>
        <v>　</v>
      </c>
      <c r="G438" s="113" t="s">
        <v>1071</v>
      </c>
      <c r="H438" s="123" t="s">
        <v>1178</v>
      </c>
      <c r="I438" s="18">
        <v>31138</v>
      </c>
      <c r="J438" s="19" t="s">
        <v>2412</v>
      </c>
      <c r="K438" s="20" t="s">
        <v>168</v>
      </c>
      <c r="L438" s="21" t="s">
        <v>966</v>
      </c>
      <c r="M438" s="20" t="s">
        <v>560</v>
      </c>
      <c r="N438" s="20" t="s">
        <v>560</v>
      </c>
      <c r="O438" s="153">
        <v>80</v>
      </c>
    </row>
    <row r="439" spans="1:15" s="8" customFormat="1" ht="26.25" customHeight="1">
      <c r="A439" s="23" t="s">
        <v>1178</v>
      </c>
      <c r="B439" s="116" t="s">
        <v>1180</v>
      </c>
      <c r="C439" s="117"/>
      <c r="D439" s="129"/>
      <c r="E439" s="129"/>
      <c r="F439" s="29" t="str">
        <f t="shared" si="26"/>
        <v>　</v>
      </c>
      <c r="G439" s="24" t="s">
        <v>895</v>
      </c>
      <c r="H439" s="128" t="s">
        <v>1014</v>
      </c>
      <c r="I439" s="25">
        <v>30407</v>
      </c>
      <c r="J439" s="26" t="s">
        <v>395</v>
      </c>
      <c r="K439" s="27" t="s">
        <v>169</v>
      </c>
      <c r="L439" s="28" t="s">
        <v>1096</v>
      </c>
      <c r="M439" s="27" t="s">
        <v>170</v>
      </c>
      <c r="N439" s="27" t="s">
        <v>171</v>
      </c>
      <c r="O439" s="44">
        <v>110</v>
      </c>
    </row>
    <row r="440" spans="1:15" s="8" customFormat="1" ht="26.25" customHeight="1">
      <c r="A440" s="15" t="s">
        <v>1178</v>
      </c>
      <c r="B440" s="104" t="s">
        <v>2265</v>
      </c>
      <c r="C440" s="169"/>
      <c r="D440" s="56"/>
      <c r="E440" s="56"/>
      <c r="F440" s="108" t="str">
        <f t="shared" si="26"/>
        <v>　</v>
      </c>
      <c r="G440" s="24" t="s">
        <v>895</v>
      </c>
      <c r="H440" s="128" t="s">
        <v>1014</v>
      </c>
      <c r="I440" s="59">
        <v>42461</v>
      </c>
      <c r="J440" s="26" t="s">
        <v>395</v>
      </c>
      <c r="K440" s="61" t="s">
        <v>2297</v>
      </c>
      <c r="L440" s="28" t="s">
        <v>2474</v>
      </c>
      <c r="M440" s="61" t="s">
        <v>2475</v>
      </c>
      <c r="N440" s="61"/>
      <c r="O440" s="154" t="s">
        <v>2357</v>
      </c>
    </row>
    <row r="441" spans="1:15" s="8" customFormat="1" ht="26.25" customHeight="1">
      <c r="A441" s="79" t="s">
        <v>1181</v>
      </c>
      <c r="B441" s="80" t="s">
        <v>1486</v>
      </c>
      <c r="C441" s="111"/>
      <c r="D441" s="56"/>
      <c r="E441" s="56"/>
      <c r="F441" s="108" t="str">
        <f t="shared" si="26"/>
        <v>　</v>
      </c>
      <c r="G441" s="121" t="s">
        <v>895</v>
      </c>
      <c r="H441" s="82" t="s">
        <v>1813</v>
      </c>
      <c r="I441" s="83">
        <v>41348</v>
      </c>
      <c r="J441" s="84" t="s">
        <v>2617</v>
      </c>
      <c r="K441" s="85" t="s">
        <v>1493</v>
      </c>
      <c r="L441" s="86" t="s">
        <v>1487</v>
      </c>
      <c r="M441" s="85" t="s">
        <v>1598</v>
      </c>
      <c r="N441" s="85" t="s">
        <v>1599</v>
      </c>
      <c r="O441" s="159">
        <v>120</v>
      </c>
    </row>
    <row r="442" spans="1:15" s="8" customFormat="1" ht="26.25" customHeight="1">
      <c r="A442" s="15" t="s">
        <v>1182</v>
      </c>
      <c r="B442" s="16" t="s">
        <v>1183</v>
      </c>
      <c r="C442" s="110"/>
      <c r="D442" s="17"/>
      <c r="E442" s="17"/>
      <c r="F442" s="17" t="str">
        <f t="shared" si="26"/>
        <v>　</v>
      </c>
      <c r="G442" s="113" t="s">
        <v>1071</v>
      </c>
      <c r="H442" s="123" t="s">
        <v>1182</v>
      </c>
      <c r="I442" s="18">
        <v>21641</v>
      </c>
      <c r="J442" s="19" t="s">
        <v>394</v>
      </c>
      <c r="K442" s="20" t="s">
        <v>172</v>
      </c>
      <c r="L442" s="21" t="s">
        <v>1097</v>
      </c>
      <c r="M442" s="20" t="s">
        <v>561</v>
      </c>
      <c r="N442" s="20" t="s">
        <v>561</v>
      </c>
      <c r="O442" s="153">
        <v>120</v>
      </c>
    </row>
    <row r="443" spans="1:15" s="8" customFormat="1" ht="26.25" customHeight="1">
      <c r="A443" s="68" t="s">
        <v>1251</v>
      </c>
      <c r="B443" s="69" t="s">
        <v>1119</v>
      </c>
      <c r="C443" s="171"/>
      <c r="D443" s="49"/>
      <c r="E443" s="49"/>
      <c r="F443" s="17" t="str">
        <f t="shared" si="26"/>
        <v>　</v>
      </c>
      <c r="G443" s="141" t="s">
        <v>895</v>
      </c>
      <c r="H443" s="176" t="s">
        <v>1015</v>
      </c>
      <c r="I443" s="74">
        <v>20180</v>
      </c>
      <c r="J443" s="75" t="s">
        <v>393</v>
      </c>
      <c r="K443" s="76" t="s">
        <v>173</v>
      </c>
      <c r="L443" s="77" t="s">
        <v>1120</v>
      </c>
      <c r="M443" s="76" t="s">
        <v>174</v>
      </c>
      <c r="N443" s="76" t="s">
        <v>562</v>
      </c>
      <c r="O443" s="158">
        <v>180</v>
      </c>
    </row>
    <row r="444" spans="1:15" s="8" customFormat="1" ht="26.25" customHeight="1">
      <c r="A444" s="47" t="s">
        <v>1251</v>
      </c>
      <c r="B444" s="63" t="s">
        <v>238</v>
      </c>
      <c r="C444" s="117"/>
      <c r="D444" s="129"/>
      <c r="E444" s="129"/>
      <c r="F444" s="129" t="str">
        <f t="shared" si="26"/>
        <v>　</v>
      </c>
      <c r="G444" s="136"/>
      <c r="H444" s="145"/>
      <c r="I444" s="51">
        <v>40634</v>
      </c>
      <c r="J444" s="52" t="s">
        <v>393</v>
      </c>
      <c r="K444" s="43" t="s">
        <v>175</v>
      </c>
      <c r="L444" s="53" t="s">
        <v>960</v>
      </c>
      <c r="M444" s="43" t="s">
        <v>176</v>
      </c>
      <c r="N444" s="43" t="s">
        <v>533</v>
      </c>
      <c r="O444" s="54" t="s">
        <v>968</v>
      </c>
    </row>
    <row r="445" spans="1:15" s="31" customFormat="1" ht="26.25" customHeight="1">
      <c r="A445" s="23" t="s">
        <v>1251</v>
      </c>
      <c r="B445" s="116" t="s">
        <v>1121</v>
      </c>
      <c r="C445" s="117"/>
      <c r="D445" s="129"/>
      <c r="E445" s="129"/>
      <c r="F445" s="29" t="str">
        <f t="shared" si="26"/>
        <v>　</v>
      </c>
      <c r="G445" s="24" t="s">
        <v>895</v>
      </c>
      <c r="H445" s="128" t="s">
        <v>1015</v>
      </c>
      <c r="I445" s="25">
        <v>37347</v>
      </c>
      <c r="J445" s="26" t="s">
        <v>2075</v>
      </c>
      <c r="K445" s="27" t="s">
        <v>175</v>
      </c>
      <c r="L445" s="28" t="s">
        <v>967</v>
      </c>
      <c r="M445" s="27" t="s">
        <v>177</v>
      </c>
      <c r="N445" s="27" t="s">
        <v>563</v>
      </c>
      <c r="O445" s="44">
        <v>100</v>
      </c>
    </row>
    <row r="446" spans="1:15" s="31" customFormat="1" ht="26.25" customHeight="1">
      <c r="A446" s="32" t="s">
        <v>1251</v>
      </c>
      <c r="B446" s="118" t="s">
        <v>2366</v>
      </c>
      <c r="C446" s="119"/>
      <c r="D446" s="33"/>
      <c r="E446" s="33"/>
      <c r="F446" s="33" t="str">
        <f t="shared" si="26"/>
        <v>　</v>
      </c>
      <c r="G446" s="34" t="s">
        <v>895</v>
      </c>
      <c r="H446" s="35" t="s">
        <v>1015</v>
      </c>
      <c r="I446" s="36">
        <v>42823</v>
      </c>
      <c r="J446" s="37" t="s">
        <v>2431</v>
      </c>
      <c r="K446" s="38" t="s">
        <v>2432</v>
      </c>
      <c r="L446" s="39" t="s">
        <v>2367</v>
      </c>
      <c r="M446" s="38" t="s">
        <v>2476</v>
      </c>
      <c r="N446" s="38"/>
      <c r="O446" s="156">
        <v>90</v>
      </c>
    </row>
    <row r="447" spans="1:15" s="8" customFormat="1" ht="26.25" customHeight="1">
      <c r="A447" s="55" t="s">
        <v>1122</v>
      </c>
      <c r="B447" s="104" t="s">
        <v>1259</v>
      </c>
      <c r="C447" s="169"/>
      <c r="D447" s="56"/>
      <c r="E447" s="56"/>
      <c r="F447" s="56" t="str">
        <f t="shared" si="26"/>
        <v>　</v>
      </c>
      <c r="G447" s="57" t="s">
        <v>1071</v>
      </c>
      <c r="H447" s="58" t="s">
        <v>1122</v>
      </c>
      <c r="I447" s="59">
        <v>20210</v>
      </c>
      <c r="J447" s="60" t="s">
        <v>2811</v>
      </c>
      <c r="K447" s="61" t="s">
        <v>178</v>
      </c>
      <c r="L447" s="62" t="s">
        <v>1098</v>
      </c>
      <c r="M447" s="61" t="s">
        <v>179</v>
      </c>
      <c r="N447" s="61" t="s">
        <v>564</v>
      </c>
      <c r="O447" s="93">
        <v>100</v>
      </c>
    </row>
    <row r="448" spans="1:15" s="8" customFormat="1" ht="26.25" customHeight="1">
      <c r="A448" s="15" t="s">
        <v>1260</v>
      </c>
      <c r="B448" s="16" t="s">
        <v>1261</v>
      </c>
      <c r="C448" s="110"/>
      <c r="D448" s="17"/>
      <c r="E448" s="17"/>
      <c r="F448" s="17" t="str">
        <f t="shared" si="26"/>
        <v>　</v>
      </c>
      <c r="G448" s="113" t="s">
        <v>895</v>
      </c>
      <c r="H448" s="123" t="s">
        <v>1016</v>
      </c>
      <c r="I448" s="18">
        <v>26016</v>
      </c>
      <c r="J448" s="19" t="s">
        <v>392</v>
      </c>
      <c r="K448" s="20" t="s">
        <v>180</v>
      </c>
      <c r="L448" s="21" t="s">
        <v>1262</v>
      </c>
      <c r="M448" s="20" t="s">
        <v>181</v>
      </c>
      <c r="N448" s="20" t="s">
        <v>565</v>
      </c>
      <c r="O448" s="153">
        <v>60</v>
      </c>
    </row>
    <row r="449" spans="1:15" s="8" customFormat="1" ht="26.25" customHeight="1">
      <c r="A449" s="1" t="s">
        <v>1260</v>
      </c>
      <c r="B449" s="2" t="s">
        <v>1263</v>
      </c>
      <c r="C449" s="167"/>
      <c r="D449" s="40"/>
      <c r="E449" s="33"/>
      <c r="F449" s="40" t="str">
        <f t="shared" si="26"/>
        <v>○</v>
      </c>
      <c r="G449" s="112" t="s">
        <v>1692</v>
      </c>
      <c r="H449" s="122" t="s">
        <v>1038</v>
      </c>
      <c r="I449" s="4">
        <v>24139</v>
      </c>
      <c r="J449" s="5" t="s">
        <v>391</v>
      </c>
      <c r="K449" s="6" t="s">
        <v>180</v>
      </c>
      <c r="L449" s="7" t="s">
        <v>1099</v>
      </c>
      <c r="M449" s="6" t="s">
        <v>182</v>
      </c>
      <c r="N449" s="6" t="s">
        <v>566</v>
      </c>
      <c r="O449" s="45">
        <v>45</v>
      </c>
    </row>
    <row r="450" spans="1:15" s="8" customFormat="1" ht="26.25" customHeight="1">
      <c r="A450" s="68" t="s">
        <v>1190</v>
      </c>
      <c r="B450" s="69" t="s">
        <v>1191</v>
      </c>
      <c r="C450" s="170"/>
      <c r="D450" s="17"/>
      <c r="E450" s="17"/>
      <c r="F450" s="17" t="str">
        <f t="shared" si="26"/>
        <v>　</v>
      </c>
      <c r="G450" s="72" t="s">
        <v>1071</v>
      </c>
      <c r="H450" s="73" t="s">
        <v>1190</v>
      </c>
      <c r="I450" s="74">
        <v>23102</v>
      </c>
      <c r="J450" s="75" t="s">
        <v>2414</v>
      </c>
      <c r="K450" s="76" t="s">
        <v>183</v>
      </c>
      <c r="L450" s="77" t="s">
        <v>1192</v>
      </c>
      <c r="M450" s="76" t="s">
        <v>568</v>
      </c>
      <c r="N450" s="76" t="s">
        <v>568</v>
      </c>
      <c r="O450" s="158">
        <v>105</v>
      </c>
    </row>
    <row r="451" spans="1:15" s="8" customFormat="1" ht="26.25" customHeight="1">
      <c r="A451" s="23" t="s">
        <v>1190</v>
      </c>
      <c r="B451" s="116" t="s">
        <v>1193</v>
      </c>
      <c r="C451" s="117"/>
      <c r="D451" s="129"/>
      <c r="E451" s="129"/>
      <c r="F451" s="129" t="str">
        <f t="shared" si="26"/>
        <v>　</v>
      </c>
      <c r="G451" s="24" t="s">
        <v>1071</v>
      </c>
      <c r="H451" s="128" t="s">
        <v>1190</v>
      </c>
      <c r="I451" s="25">
        <v>26024</v>
      </c>
      <c r="J451" s="26" t="s">
        <v>2413</v>
      </c>
      <c r="K451" s="27" t="s">
        <v>184</v>
      </c>
      <c r="L451" s="28" t="s">
        <v>1100</v>
      </c>
      <c r="M451" s="27" t="s">
        <v>569</v>
      </c>
      <c r="N451" s="27" t="s">
        <v>569</v>
      </c>
      <c r="O451" s="44">
        <v>125</v>
      </c>
    </row>
    <row r="452" spans="1:15" s="8" customFormat="1" ht="26.25" customHeight="1">
      <c r="A452" s="23" t="s">
        <v>1190</v>
      </c>
      <c r="B452" s="116" t="s">
        <v>1274</v>
      </c>
      <c r="C452" s="117"/>
      <c r="D452" s="129"/>
      <c r="E452" s="129"/>
      <c r="F452" s="129" t="str">
        <f t="shared" si="26"/>
        <v>　</v>
      </c>
      <c r="G452" s="24" t="s">
        <v>1071</v>
      </c>
      <c r="H452" s="128" t="s">
        <v>1190</v>
      </c>
      <c r="I452" s="25">
        <v>27120</v>
      </c>
      <c r="J452" s="19" t="s">
        <v>2415</v>
      </c>
      <c r="K452" s="27" t="s">
        <v>185</v>
      </c>
      <c r="L452" s="28" t="s">
        <v>1101</v>
      </c>
      <c r="M452" s="27" t="s">
        <v>570</v>
      </c>
      <c r="N452" s="27" t="s">
        <v>570</v>
      </c>
      <c r="O452" s="44">
        <v>120</v>
      </c>
    </row>
    <row r="453" spans="1:15" s="8" customFormat="1" ht="26.25" customHeight="1">
      <c r="A453" s="23" t="s">
        <v>1190</v>
      </c>
      <c r="B453" s="116" t="s">
        <v>799</v>
      </c>
      <c r="C453" s="117"/>
      <c r="D453" s="129"/>
      <c r="E453" s="129"/>
      <c r="F453" s="129" t="str">
        <f t="shared" si="26"/>
        <v>　</v>
      </c>
      <c r="G453" s="24" t="s">
        <v>1071</v>
      </c>
      <c r="H453" s="128" t="s">
        <v>1190</v>
      </c>
      <c r="I453" s="25">
        <v>28216</v>
      </c>
      <c r="J453" s="26" t="s">
        <v>2791</v>
      </c>
      <c r="K453" s="27" t="s">
        <v>186</v>
      </c>
      <c r="L453" s="28" t="s">
        <v>1102</v>
      </c>
      <c r="M453" s="27" t="s">
        <v>571</v>
      </c>
      <c r="N453" s="27" t="s">
        <v>571</v>
      </c>
      <c r="O453" s="44">
        <v>120</v>
      </c>
    </row>
    <row r="454" spans="1:15" s="8" customFormat="1" ht="26.25" customHeight="1">
      <c r="A454" s="32" t="s">
        <v>1190</v>
      </c>
      <c r="B454" s="118" t="s">
        <v>800</v>
      </c>
      <c r="C454" s="119"/>
      <c r="D454" s="33"/>
      <c r="E454" s="33"/>
      <c r="F454" s="40" t="str">
        <f t="shared" si="26"/>
        <v>　</v>
      </c>
      <c r="G454" s="34" t="s">
        <v>1071</v>
      </c>
      <c r="H454" s="35" t="s">
        <v>1190</v>
      </c>
      <c r="I454" s="36">
        <v>27485</v>
      </c>
      <c r="J454" s="37" t="s">
        <v>2298</v>
      </c>
      <c r="K454" s="38" t="s">
        <v>187</v>
      </c>
      <c r="L454" s="39" t="s">
        <v>1103</v>
      </c>
      <c r="M454" s="38" t="s">
        <v>572</v>
      </c>
      <c r="N454" s="38" t="s">
        <v>572</v>
      </c>
      <c r="O454" s="156">
        <v>105</v>
      </c>
    </row>
    <row r="455" spans="1:15" s="8" customFormat="1" ht="26.25" customHeight="1">
      <c r="A455" s="15" t="s">
        <v>802</v>
      </c>
      <c r="B455" s="16" t="s">
        <v>803</v>
      </c>
      <c r="C455" s="110"/>
      <c r="D455" s="17"/>
      <c r="E455" s="17"/>
      <c r="F455" s="17" t="str">
        <f t="shared" si="26"/>
        <v>　</v>
      </c>
      <c r="G455" s="113" t="s">
        <v>1071</v>
      </c>
      <c r="H455" s="123" t="s">
        <v>802</v>
      </c>
      <c r="I455" s="18">
        <v>21641</v>
      </c>
      <c r="J455" s="19" t="s">
        <v>2408</v>
      </c>
      <c r="K455" s="20" t="s">
        <v>188</v>
      </c>
      <c r="L455" s="21" t="s">
        <v>804</v>
      </c>
      <c r="M455" s="20" t="s">
        <v>189</v>
      </c>
      <c r="N455" s="20" t="s">
        <v>573</v>
      </c>
      <c r="O455" s="153">
        <v>100</v>
      </c>
    </row>
    <row r="456" spans="1:15" s="8" customFormat="1" ht="26.25" customHeight="1">
      <c r="A456" s="23" t="s">
        <v>802</v>
      </c>
      <c r="B456" s="116" t="s">
        <v>805</v>
      </c>
      <c r="C456" s="117"/>
      <c r="D456" s="129"/>
      <c r="E456" s="129"/>
      <c r="F456" s="129" t="str">
        <f t="shared" si="26"/>
        <v>　</v>
      </c>
      <c r="G456" s="24" t="s">
        <v>1071</v>
      </c>
      <c r="H456" s="128" t="s">
        <v>802</v>
      </c>
      <c r="I456" s="25">
        <v>26755</v>
      </c>
      <c r="J456" s="26" t="s">
        <v>2579</v>
      </c>
      <c r="K456" s="27" t="s">
        <v>190</v>
      </c>
      <c r="L456" s="28" t="s">
        <v>1104</v>
      </c>
      <c r="M456" s="27" t="s">
        <v>191</v>
      </c>
      <c r="N456" s="27" t="s">
        <v>574</v>
      </c>
      <c r="O456" s="44">
        <v>100</v>
      </c>
    </row>
    <row r="457" spans="1:15" s="8" customFormat="1" ht="26.25" customHeight="1">
      <c r="A457" s="23" t="s">
        <v>802</v>
      </c>
      <c r="B457" s="116" t="s">
        <v>1229</v>
      </c>
      <c r="C457" s="117"/>
      <c r="D457" s="129"/>
      <c r="E457" s="129"/>
      <c r="F457" s="129" t="str">
        <f t="shared" si="26"/>
        <v>　</v>
      </c>
      <c r="G457" s="24" t="s">
        <v>1071</v>
      </c>
      <c r="H457" s="128" t="s">
        <v>802</v>
      </c>
      <c r="I457" s="25">
        <v>22007</v>
      </c>
      <c r="J457" s="26" t="s">
        <v>2410</v>
      </c>
      <c r="K457" s="27" t="s">
        <v>192</v>
      </c>
      <c r="L457" s="28" t="s">
        <v>1105</v>
      </c>
      <c r="M457" s="27" t="s">
        <v>193</v>
      </c>
      <c r="N457" s="27" t="s">
        <v>575</v>
      </c>
      <c r="O457" s="44">
        <v>100</v>
      </c>
    </row>
    <row r="458" spans="1:15" s="8" customFormat="1" ht="26.25" customHeight="1">
      <c r="A458" s="23" t="s">
        <v>802</v>
      </c>
      <c r="B458" s="116" t="s">
        <v>1173</v>
      </c>
      <c r="C458" s="117"/>
      <c r="D458" s="129"/>
      <c r="E458" s="129"/>
      <c r="F458" s="129" t="str">
        <f t="shared" si="26"/>
        <v>　</v>
      </c>
      <c r="G458" s="24" t="s">
        <v>1071</v>
      </c>
      <c r="H458" s="128" t="s">
        <v>802</v>
      </c>
      <c r="I458" s="25">
        <v>19238</v>
      </c>
      <c r="J458" s="26" t="s">
        <v>2073</v>
      </c>
      <c r="K458" s="27" t="s">
        <v>194</v>
      </c>
      <c r="L458" s="28" t="s">
        <v>1106</v>
      </c>
      <c r="M458" s="27" t="s">
        <v>195</v>
      </c>
      <c r="N458" s="27" t="s">
        <v>576</v>
      </c>
      <c r="O458" s="44">
        <v>100</v>
      </c>
    </row>
    <row r="459" spans="1:15" s="8" customFormat="1" ht="26.25" customHeight="1">
      <c r="A459" s="23" t="s">
        <v>802</v>
      </c>
      <c r="B459" s="116" t="s">
        <v>1174</v>
      </c>
      <c r="C459" s="117"/>
      <c r="D459" s="129"/>
      <c r="E459" s="129"/>
      <c r="F459" s="129" t="str">
        <f t="shared" si="26"/>
        <v>　</v>
      </c>
      <c r="G459" s="24" t="s">
        <v>1071</v>
      </c>
      <c r="H459" s="128" t="s">
        <v>802</v>
      </c>
      <c r="I459" s="25">
        <v>26275</v>
      </c>
      <c r="J459" s="26" t="s">
        <v>2409</v>
      </c>
      <c r="K459" s="27" t="s">
        <v>196</v>
      </c>
      <c r="L459" s="28" t="s">
        <v>1111</v>
      </c>
      <c r="M459" s="27" t="s">
        <v>197</v>
      </c>
      <c r="N459" s="27" t="s">
        <v>577</v>
      </c>
      <c r="O459" s="44">
        <v>100</v>
      </c>
    </row>
    <row r="460" spans="1:15" s="8" customFormat="1" ht="26.25" customHeight="1">
      <c r="A460" s="32" t="s">
        <v>802</v>
      </c>
      <c r="B460" s="118" t="s">
        <v>1175</v>
      </c>
      <c r="C460" s="119"/>
      <c r="D460" s="3"/>
      <c r="E460" s="3"/>
      <c r="F460" s="3" t="str">
        <f t="shared" si="26"/>
        <v>　</v>
      </c>
      <c r="G460" s="34" t="s">
        <v>1071</v>
      </c>
      <c r="H460" s="35" t="s">
        <v>802</v>
      </c>
      <c r="I460" s="87">
        <v>28581</v>
      </c>
      <c r="J460" s="37" t="s">
        <v>2411</v>
      </c>
      <c r="K460" s="38" t="s">
        <v>194</v>
      </c>
      <c r="L460" s="39" t="s">
        <v>1112</v>
      </c>
      <c r="M460" s="38" t="s">
        <v>198</v>
      </c>
      <c r="N460" s="38" t="s">
        <v>578</v>
      </c>
      <c r="O460" s="156">
        <v>100</v>
      </c>
    </row>
    <row r="461" spans="1:15" s="8" customFormat="1" ht="26.25" customHeight="1">
      <c r="A461" s="79" t="s">
        <v>727</v>
      </c>
      <c r="B461" s="80" t="s">
        <v>770</v>
      </c>
      <c r="C461" s="111"/>
      <c r="D461" s="81"/>
      <c r="E461" s="81"/>
      <c r="F461" s="120" t="str">
        <f t="shared" si="26"/>
        <v>○</v>
      </c>
      <c r="G461" s="121" t="s">
        <v>895</v>
      </c>
      <c r="H461" s="82" t="s">
        <v>237</v>
      </c>
      <c r="I461" s="88">
        <v>40634</v>
      </c>
      <c r="J461" s="84" t="s">
        <v>390</v>
      </c>
      <c r="K461" s="85" t="s">
        <v>880</v>
      </c>
      <c r="L461" s="86" t="s">
        <v>879</v>
      </c>
      <c r="M461" s="85" t="s">
        <v>199</v>
      </c>
      <c r="N461" s="85" t="s">
        <v>200</v>
      </c>
      <c r="O461" s="159">
        <v>30</v>
      </c>
    </row>
  </sheetData>
  <autoFilter ref="A3:O461"/>
  <mergeCells count="95">
    <mergeCell ref="B356:C356"/>
    <mergeCell ref="B343:C343"/>
    <mergeCell ref="B380:C380"/>
    <mergeCell ref="B289:C289"/>
    <mergeCell ref="H433:H434"/>
    <mergeCell ref="G433:G434"/>
    <mergeCell ref="B404:C404"/>
    <mergeCell ref="B405:C405"/>
    <mergeCell ref="G166:G167"/>
    <mergeCell ref="H166:H167"/>
    <mergeCell ref="B217:C217"/>
    <mergeCell ref="B218:C218"/>
    <mergeCell ref="B248:C248"/>
    <mergeCell ref="B249:C249"/>
    <mergeCell ref="B253:C253"/>
    <mergeCell ref="B285:C285"/>
    <mergeCell ref="B381:C381"/>
    <mergeCell ref="B342:C342"/>
    <mergeCell ref="B340:C340"/>
    <mergeCell ref="B341:C341"/>
    <mergeCell ref="B286:C286"/>
    <mergeCell ref="B287:C287"/>
    <mergeCell ref="H332:H333"/>
    <mergeCell ref="G332:G333"/>
    <mergeCell ref="J418:J419"/>
    <mergeCell ref="G418:G419"/>
    <mergeCell ref="G320:G321"/>
    <mergeCell ref="H320:H321"/>
    <mergeCell ref="G316:G317"/>
    <mergeCell ref="H316:H317"/>
    <mergeCell ref="G198:G199"/>
    <mergeCell ref="H198:H199"/>
    <mergeCell ref="H105:H106"/>
    <mergeCell ref="H314:H315"/>
    <mergeCell ref="G314:G315"/>
    <mergeCell ref="J198:J199"/>
    <mergeCell ref="G101:G102"/>
    <mergeCell ref="L1:O1"/>
    <mergeCell ref="N2:N3"/>
    <mergeCell ref="M2:M3"/>
    <mergeCell ref="L2:L3"/>
    <mergeCell ref="G2:G3"/>
    <mergeCell ref="H26:H27"/>
    <mergeCell ref="G26:G27"/>
    <mergeCell ref="G105:G106"/>
    <mergeCell ref="H418:H419"/>
    <mergeCell ref="G86:G87"/>
    <mergeCell ref="H86:H87"/>
    <mergeCell ref="G119:G120"/>
    <mergeCell ref="H119:H120"/>
    <mergeCell ref="G256:G257"/>
    <mergeCell ref="H256:H257"/>
    <mergeCell ref="G208:G209"/>
    <mergeCell ref="H208:H209"/>
    <mergeCell ref="J208:J209"/>
    <mergeCell ref="B66:C66"/>
    <mergeCell ref="B92:C92"/>
    <mergeCell ref="H45:H46"/>
    <mergeCell ref="O2:O3"/>
    <mergeCell ref="G443:G444"/>
    <mergeCell ref="H443:H444"/>
    <mergeCell ref="H349:H350"/>
    <mergeCell ref="G349:G350"/>
    <mergeCell ref="G371:G372"/>
    <mergeCell ref="H371:H372"/>
    <mergeCell ref="K2:K3"/>
    <mergeCell ref="J2:J3"/>
    <mergeCell ref="I2:I3"/>
    <mergeCell ref="H2:H3"/>
    <mergeCell ref="G322:G323"/>
    <mergeCell ref="H322:H323"/>
    <mergeCell ref="A2:A3"/>
    <mergeCell ref="B2:C3"/>
    <mergeCell ref="D2:D3"/>
    <mergeCell ref="E2:E3"/>
    <mergeCell ref="A26:A27"/>
    <mergeCell ref="F2:F3"/>
    <mergeCell ref="H101:H102"/>
    <mergeCell ref="G83:G84"/>
    <mergeCell ref="H83:H84"/>
    <mergeCell ref="G45:G46"/>
    <mergeCell ref="H52:H53"/>
    <mergeCell ref="G52:G53"/>
    <mergeCell ref="G90:G92"/>
    <mergeCell ref="H90:H92"/>
    <mergeCell ref="B290:C290"/>
    <mergeCell ref="B135:C135"/>
    <mergeCell ref="B136:C136"/>
    <mergeCell ref="B137:C137"/>
    <mergeCell ref="B138:C138"/>
    <mergeCell ref="B139:C139"/>
    <mergeCell ref="B140:C140"/>
    <mergeCell ref="B209:C209"/>
    <mergeCell ref="B250:C250"/>
    <mergeCell ref="B251:C251"/>
  </mergeCells>
  <phoneticPr fontId="1"/>
  <dataValidations count="4">
    <dataValidation type="list" allowBlank="1" showInputMessage="1" showErrorMessage="1" sqref="C406:C461 C344:C354 C358:C379 C382:C403 C254:C284 C291:C339 C141:C147 C67:C91 C93:C134 C149:C208 C210:C216 C4:C65 C220:C247">
      <formula1>"◎,★"</formula1>
    </dataValidation>
    <dataValidation type="list" allowBlank="1" showInputMessage="1" showErrorMessage="1" sqref="F4:F140 F143:F461">
      <formula1>"○"</formula1>
    </dataValidation>
    <dataValidation type="list" allowBlank="1" showInputMessage="1" showErrorMessage="1" sqref="D4:E140 D143:E461">
      <formula1>"◎"</formula1>
    </dataValidation>
    <dataValidation type="list" allowBlank="1" showInputMessage="1" showErrorMessage="1" sqref="C355 C148">
      <formula1>"◎,★,▲"</formula1>
    </dataValidation>
  </dataValidations>
  <printOptions horizontalCentered="1"/>
  <pageMargins left="0.59055118110236227" right="0.55118110236220474" top="0.70866141732283472" bottom="0.70866141732283472" header="0.70866141732283472" footer="0.35433070866141736"/>
  <pageSetup paperSize="9" orientation="portrait" r:id="rId1"/>
  <headerFooter alignWithMargins="0">
    <oddFooter>&amp;C- &amp;P- -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認可保育所一覧</vt:lpstr>
      <vt:lpstr>認可保育所一覧!Print_Area</vt:lpstr>
      <vt:lpstr>認可保育所一覧!Print_Titles</vt:lpstr>
      <vt:lpstr>認可保育所一覧!top</vt:lpstr>
    </vt:vector>
  </TitlesOfParts>
  <Company>神奈川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祉部児童福祉課</dc:creator>
  <cp:lastModifiedBy>Windows ユーザー</cp:lastModifiedBy>
  <cp:lastPrinted>2018-05-09T04:58:22Z</cp:lastPrinted>
  <dcterms:created xsi:type="dcterms:W3CDTF">1999-06-18T00:58:20Z</dcterms:created>
  <dcterms:modified xsi:type="dcterms:W3CDTF">2019-07-10T01:15:18Z</dcterms:modified>
</cp:coreProperties>
</file>